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20006\公開用\01 企画総務課\11 交換用\神崎ＢＯＸ\工事管理係HP更新用\"/>
    </mc:Choice>
  </mc:AlternateContent>
  <bookViews>
    <workbookView xWindow="120" yWindow="30" windowWidth="11715" windowHeight="6525"/>
  </bookViews>
  <sheets>
    <sheet name="工事担当技術者台帳" sheetId="1" r:id="rId1"/>
  </sheets>
  <definedNames>
    <definedName name="_xlnm.Print_Area" localSheetId="0">工事担当技術者台帳!$A$1:$AS$53</definedName>
  </definedNames>
  <calcPr calcId="80000"/>
</workbook>
</file>

<file path=xl/sharedStrings.xml><?xml version="1.0" encoding="utf-8"?>
<sst xmlns="http://schemas.openxmlformats.org/spreadsheetml/2006/main" count="88" uniqueCount="29">
  <si>
    <t>添付する写真は、</t>
  </si>
  <si>
    <t xml:space="preserve">  元請会社名</t>
    <rPh sb="2" eb="3">
      <t>モトウケ</t>
    </rPh>
    <rPh sb="3" eb="4">
      <t>ウ</t>
    </rPh>
    <rPh sb="4" eb="6">
      <t>ガイシャ</t>
    </rPh>
    <rPh sb="6" eb="7">
      <t>メイ</t>
    </rPh>
    <phoneticPr fontId="1"/>
  </si>
  <si>
    <t xml:space="preserve">  会  社  名</t>
    <rPh sb="2" eb="6">
      <t>ガイシャ</t>
    </rPh>
    <rPh sb="8" eb="9">
      <t>メイ</t>
    </rPh>
    <phoneticPr fontId="1"/>
  </si>
  <si>
    <t xml:space="preserve">  主任技術者名</t>
    <rPh sb="2" eb="4">
      <t>シュニン</t>
    </rPh>
    <rPh sb="4" eb="6">
      <t>ギジュツ</t>
    </rPh>
    <rPh sb="6" eb="7">
      <t>シャ</t>
    </rPh>
    <rPh sb="7" eb="8">
      <t>メイ</t>
    </rPh>
    <phoneticPr fontId="1"/>
  </si>
  <si>
    <t xml:space="preserve">  生年月日</t>
    <rPh sb="2" eb="4">
      <t>セイネン</t>
    </rPh>
    <rPh sb="4" eb="6">
      <t>ガッピ</t>
    </rPh>
    <phoneticPr fontId="1"/>
  </si>
  <si>
    <t xml:space="preserve">  生 年 月 日</t>
    <rPh sb="2" eb="5">
      <t>セイネン</t>
    </rPh>
    <rPh sb="6" eb="9">
      <t>ガッピ</t>
    </rPh>
    <phoneticPr fontId="1"/>
  </si>
  <si>
    <t>専　任　・　非　専　任</t>
    <rPh sb="0" eb="3">
      <t>センニン</t>
    </rPh>
    <rPh sb="6" eb="7">
      <t>ヒ</t>
    </rPh>
    <rPh sb="8" eb="11">
      <t>センニン</t>
    </rPh>
    <phoneticPr fontId="1"/>
  </si>
  <si>
    <t>写真添付欄</t>
    <rPh sb="0" eb="2">
      <t>シャシン</t>
    </rPh>
    <rPh sb="2" eb="4">
      <t>テンプ</t>
    </rPh>
    <rPh sb="4" eb="5">
      <t>ラン</t>
    </rPh>
    <phoneticPr fontId="1"/>
  </si>
  <si>
    <t xml:space="preserve">  現場代理人名</t>
    <rPh sb="2" eb="4">
      <t>ゲンバ</t>
    </rPh>
    <rPh sb="4" eb="6">
      <t>ダイリ</t>
    </rPh>
    <rPh sb="6" eb="7">
      <t>ニン</t>
    </rPh>
    <rPh sb="7" eb="8">
      <t>メイ</t>
    </rPh>
    <phoneticPr fontId="1"/>
  </si>
  <si>
    <t>【注意事項】</t>
    <rPh sb="1" eb="3">
      <t>チュウイ</t>
    </rPh>
    <rPh sb="3" eb="5">
      <t>ジコウ</t>
    </rPh>
    <phoneticPr fontId="1"/>
  </si>
  <si>
    <t>　縦　　　３ｃｍ</t>
    <rPh sb="1" eb="2">
      <t>タテ</t>
    </rPh>
    <phoneticPr fontId="1"/>
  </si>
  <si>
    <t>　横　　　２.５cm</t>
    <rPh sb="1" eb="2">
      <t>ヨコ</t>
    </rPh>
    <phoneticPr fontId="1"/>
  </si>
  <si>
    <t>　程度の大きさとし、</t>
    <rPh sb="1" eb="3">
      <t>テイド</t>
    </rPh>
    <rPh sb="4" eb="5">
      <t>オオ</t>
    </rPh>
    <phoneticPr fontId="1"/>
  </si>
  <si>
    <t>　顔が判別できるものとする。</t>
    <rPh sb="1" eb="2">
      <t>カオ</t>
    </rPh>
    <rPh sb="3" eb="5">
      <t>ハンベツ</t>
    </rPh>
    <phoneticPr fontId="1"/>
  </si>
  <si>
    <t>本様式は、２部作成し、</t>
    <rPh sb="0" eb="1">
      <t>ホン</t>
    </rPh>
    <rPh sb="1" eb="3">
      <t>ヨウシキ</t>
    </rPh>
    <rPh sb="5" eb="7">
      <t>２ブ</t>
    </rPh>
    <rPh sb="7" eb="9">
      <t>サクセイ</t>
    </rPh>
    <phoneticPr fontId="1"/>
  </si>
  <si>
    <t>１部保管し、１部提出する。</t>
    <rPh sb="0" eb="2">
      <t>１ブ</t>
    </rPh>
    <rPh sb="2" eb="4">
      <t>ホカン</t>
    </rPh>
    <rPh sb="6" eb="8">
      <t>１ブ</t>
    </rPh>
    <rPh sb="8" eb="10">
      <t>テイシュツ</t>
    </rPh>
    <phoneticPr fontId="1"/>
  </si>
  <si>
    <t>デジタルカメラ写真を印刷し</t>
    <rPh sb="7" eb="9">
      <t>シャシン</t>
    </rPh>
    <rPh sb="10" eb="12">
      <t>インサツ</t>
    </rPh>
    <phoneticPr fontId="1"/>
  </si>
  <si>
    <t>たものを提出してもよい。</t>
    <rPh sb="4" eb="6">
      <t>テイシュツ</t>
    </rPh>
    <phoneticPr fontId="1"/>
  </si>
  <si>
    <t>（企業体等本様式で不足する場合は</t>
    <rPh sb="1" eb="4">
      <t>キギョウタイ</t>
    </rPh>
    <rPh sb="4" eb="5">
      <t>トウ</t>
    </rPh>
    <rPh sb="5" eb="6">
      <t>ホン</t>
    </rPh>
    <rPh sb="6" eb="8">
      <t>ヨウシキ</t>
    </rPh>
    <rPh sb="9" eb="11">
      <t>フソク</t>
    </rPh>
    <rPh sb="13" eb="15">
      <t>バアイ</t>
    </rPh>
    <phoneticPr fontId="1"/>
  </si>
  <si>
    <t xml:space="preserve">  この例によって別途作成可）</t>
    <rPh sb="4" eb="5">
      <t>レイ</t>
    </rPh>
    <rPh sb="9" eb="11">
      <t>ベット</t>
    </rPh>
    <rPh sb="11" eb="13">
      <t>サクセイ</t>
    </rPh>
    <rPh sb="13" eb="14">
      <t>カ</t>
    </rPh>
    <phoneticPr fontId="1"/>
  </si>
  <si>
    <t>監理技術者と兼ねる場合は写真添付は不要</t>
    <rPh sb="0" eb="2">
      <t>カンリ</t>
    </rPh>
    <rPh sb="2" eb="5">
      <t>ギジュツシャ</t>
    </rPh>
    <rPh sb="6" eb="7">
      <t>カ</t>
    </rPh>
    <rPh sb="9" eb="11">
      <t>バアイ</t>
    </rPh>
    <rPh sb="12" eb="14">
      <t>シャシン</t>
    </rPh>
    <rPh sb="14" eb="16">
      <t>テンプ</t>
    </rPh>
    <rPh sb="17" eb="19">
      <t>フヨウ</t>
    </rPh>
    <phoneticPr fontId="1"/>
  </si>
  <si>
    <t>　工事担当技術者台帳</t>
    <rPh sb="1" eb="3">
      <t>コウジ</t>
    </rPh>
    <rPh sb="3" eb="5">
      <t>タントウ</t>
    </rPh>
    <rPh sb="5" eb="8">
      <t>ギジュツシャ</t>
    </rPh>
    <rPh sb="8" eb="10">
      <t>ダイチョウ</t>
    </rPh>
    <phoneticPr fontId="1"/>
  </si>
  <si>
    <t>起工番号</t>
    <rPh sb="0" eb="2">
      <t>キコウ</t>
    </rPh>
    <rPh sb="2" eb="4">
      <t>バンゴウ</t>
    </rPh>
    <phoneticPr fontId="1"/>
  </si>
  <si>
    <t>工事名</t>
    <rPh sb="0" eb="2">
      <t>コウジ</t>
    </rPh>
    <rPh sb="2" eb="3">
      <t>メイ</t>
    </rPh>
    <phoneticPr fontId="1"/>
  </si>
  <si>
    <t>様式施－9の3</t>
    <rPh sb="0" eb="2">
      <t>ヨウシキ</t>
    </rPh>
    <rPh sb="2" eb="3">
      <t>セ</t>
    </rPh>
    <phoneticPr fontId="1"/>
  </si>
  <si>
    <t>※</t>
    <phoneticPr fontId="1"/>
  </si>
  <si>
    <t>※</t>
    <phoneticPr fontId="1"/>
  </si>
  <si>
    <t>ただし、カラーコピーもしくは</t>
    <phoneticPr fontId="1"/>
  </si>
  <si>
    <t xml:space="preserve">  監理(主任)技術者名</t>
    <rPh sb="2" eb="4">
      <t>カンリ</t>
    </rPh>
    <rPh sb="5" eb="7">
      <t>シュニン</t>
    </rPh>
    <rPh sb="8" eb="10">
      <t>ギジュツ</t>
    </rPh>
    <rPh sb="10" eb="11">
      <t>シャ</t>
    </rPh>
    <rPh sb="11" eb="12">
      <t>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2"/>
      <name val="ＭＳ Ｐ明朝"/>
      <family val="1"/>
      <charset val="128"/>
    </font>
    <font>
      <sz val="9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/>
      <right style="dotted">
        <color indexed="64"/>
      </right>
      <top/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6">
    <xf numFmtId="0" fontId="0" fillId="0" borderId="0" xfId="0"/>
    <xf numFmtId="0" fontId="2" fillId="0" borderId="0" xfId="0" applyFont="1" applyFill="1"/>
    <xf numFmtId="0" fontId="3" fillId="0" borderId="0" xfId="0" applyFont="1" applyFill="1"/>
    <xf numFmtId="0" fontId="3" fillId="2" borderId="0" xfId="0" applyFont="1" applyFill="1"/>
    <xf numFmtId="0" fontId="3" fillId="0" borderId="0" xfId="0" applyFont="1" applyFill="1" applyBorder="1"/>
    <xf numFmtId="0" fontId="3" fillId="0" borderId="0" xfId="0" applyFont="1" applyFill="1" applyBorder="1" applyAlignment="1">
      <alignment vertical="center"/>
    </xf>
    <xf numFmtId="0" fontId="3" fillId="0" borderId="0" xfId="0" applyFont="1" applyFill="1" applyAlignment="1">
      <alignment vertical="center"/>
    </xf>
    <xf numFmtId="0" fontId="4" fillId="0" borderId="0" xfId="0" applyFont="1" applyFill="1"/>
    <xf numFmtId="0" fontId="4" fillId="0" borderId="0" xfId="0" applyFont="1" applyFill="1" applyBorder="1"/>
    <xf numFmtId="0" fontId="5" fillId="0" borderId="1" xfId="0" applyFont="1" applyFill="1" applyBorder="1"/>
    <xf numFmtId="0" fontId="3" fillId="0" borderId="2" xfId="0" applyFont="1" applyFill="1" applyBorder="1"/>
    <xf numFmtId="0" fontId="3" fillId="0" borderId="3" xfId="0" applyFont="1" applyFill="1" applyBorder="1"/>
    <xf numFmtId="0" fontId="3" fillId="0" borderId="1" xfId="0" applyFont="1" applyFill="1" applyBorder="1"/>
    <xf numFmtId="0" fontId="5" fillId="0" borderId="4" xfId="0" applyFont="1" applyFill="1" applyBorder="1"/>
    <xf numFmtId="0" fontId="3" fillId="0" borderId="5" xfId="0" applyFont="1" applyFill="1" applyBorder="1"/>
    <xf numFmtId="0" fontId="3" fillId="0" borderId="4" xfId="0" applyFont="1" applyFill="1" applyBorder="1"/>
    <xf numFmtId="0" fontId="3" fillId="0" borderId="6" xfId="0" applyFont="1" applyFill="1" applyBorder="1"/>
    <xf numFmtId="0" fontId="3" fillId="0" borderId="7" xfId="0" applyFont="1" applyFill="1" applyBorder="1"/>
    <xf numFmtId="0" fontId="3" fillId="0" borderId="8" xfId="0" applyFont="1" applyFill="1" applyBorder="1"/>
    <xf numFmtId="0" fontId="3" fillId="0" borderId="9" xfId="0" applyFont="1" applyFill="1" applyBorder="1"/>
    <xf numFmtId="0" fontId="3" fillId="0" borderId="10" xfId="0" applyFont="1" applyFill="1" applyBorder="1"/>
    <xf numFmtId="0" fontId="5" fillId="0" borderId="0" xfId="0" applyFont="1" applyFill="1" applyBorder="1"/>
    <xf numFmtId="0" fontId="3" fillId="0" borderId="11" xfId="0" applyFont="1" applyFill="1" applyBorder="1"/>
    <xf numFmtId="0" fontId="3" fillId="0" borderId="12" xfId="0" applyFont="1" applyFill="1" applyBorder="1"/>
    <xf numFmtId="0" fontId="3" fillId="0" borderId="13" xfId="0" applyFont="1" applyFill="1" applyBorder="1"/>
    <xf numFmtId="0" fontId="3" fillId="0" borderId="14" xfId="0" applyFont="1" applyFill="1" applyBorder="1"/>
    <xf numFmtId="0" fontId="3" fillId="0" borderId="15" xfId="0" applyFont="1" applyFill="1" applyBorder="1"/>
    <xf numFmtId="0" fontId="3" fillId="0" borderId="16" xfId="0" applyFont="1" applyFill="1" applyBorder="1"/>
    <xf numFmtId="0" fontId="3" fillId="0" borderId="17" xfId="0" applyFont="1" applyFill="1" applyBorder="1"/>
    <xf numFmtId="0" fontId="3" fillId="0" borderId="18" xfId="0" applyFont="1" applyFill="1" applyBorder="1"/>
    <xf numFmtId="0" fontId="3" fillId="0" borderId="19" xfId="0" applyFont="1" applyFill="1" applyBorder="1"/>
    <xf numFmtId="0" fontId="3" fillId="0" borderId="20" xfId="0" applyFont="1" applyFill="1" applyBorder="1"/>
    <xf numFmtId="0" fontId="3" fillId="0" borderId="21" xfId="0" applyFont="1" applyFill="1" applyBorder="1"/>
    <xf numFmtId="0" fontId="3" fillId="0" borderId="22" xfId="0" applyFont="1" applyFill="1" applyBorder="1"/>
    <xf numFmtId="0" fontId="5" fillId="0" borderId="9" xfId="0" applyFont="1" applyFill="1" applyBorder="1"/>
    <xf numFmtId="0" fontId="3" fillId="0" borderId="0" xfId="0" applyFont="1" applyFill="1" applyBorder="1" applyAlignment="1">
      <alignment horizontal="left"/>
    </xf>
    <xf numFmtId="0" fontId="5" fillId="0" borderId="2" xfId="0" applyFont="1" applyFill="1" applyBorder="1" applyAlignment="1">
      <alignment horizontal="center"/>
    </xf>
    <xf numFmtId="0" fontId="3" fillId="0" borderId="2" xfId="0" applyFont="1" applyFill="1" applyBorder="1" applyAlignment="1">
      <alignment horizontal="center"/>
    </xf>
    <xf numFmtId="0" fontId="3" fillId="0" borderId="23" xfId="0" applyFont="1" applyFill="1" applyBorder="1" applyAlignment="1">
      <alignment horizontal="distributed"/>
    </xf>
    <xf numFmtId="0" fontId="3" fillId="0" borderId="23" xfId="0" applyFont="1" applyFill="1" applyBorder="1" applyAlignment="1">
      <alignment horizontal="center"/>
    </xf>
    <xf numFmtId="0" fontId="5" fillId="0" borderId="9" xfId="0" applyFont="1" applyFill="1" applyBorder="1" applyAlignment="1">
      <alignment horizontal="left" wrapText="1"/>
    </xf>
    <xf numFmtId="0" fontId="5" fillId="0" borderId="0" xfId="0" applyFont="1" applyFill="1" applyBorder="1" applyAlignment="1">
      <alignment horizontal="left" wrapText="1"/>
    </xf>
    <xf numFmtId="0" fontId="5" fillId="0" borderId="10" xfId="0" applyFont="1" applyFill="1" applyBorder="1" applyAlignment="1">
      <alignment horizontal="left" wrapText="1"/>
    </xf>
    <xf numFmtId="0" fontId="5" fillId="0" borderId="17" xfId="0" applyFont="1" applyFill="1" applyBorder="1" applyAlignment="1">
      <alignment horizontal="center"/>
    </xf>
    <xf numFmtId="0" fontId="3" fillId="0" borderId="17" xfId="0" applyFont="1" applyFill="1" applyBorder="1" applyAlignment="1">
      <alignment horizontal="center"/>
    </xf>
    <xf numFmtId="0" fontId="3" fillId="0" borderId="19" xfId="0" applyFont="1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S53"/>
  <sheetViews>
    <sheetView showGridLines="0" tabSelected="1" zoomScale="75" zoomScaleNormal="75" workbookViewId="0">
      <selection activeCell="J3" sqref="J3:R3"/>
    </sheetView>
  </sheetViews>
  <sheetFormatPr defaultColWidth="4" defaultRowHeight="13.5" x14ac:dyDescent="0.15"/>
  <cols>
    <col min="1" max="16384" width="4" style="3"/>
  </cols>
  <sheetData>
    <row r="1" spans="1:45" x14ac:dyDescent="0.15">
      <c r="A1" s="1" t="s">
        <v>24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</row>
    <row r="2" spans="1:45" x14ac:dyDescent="0.15">
      <c r="A2" s="35"/>
      <c r="B2" s="5"/>
      <c r="C2" s="5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6"/>
      <c r="P2" s="2"/>
      <c r="Q2" s="2"/>
      <c r="R2" s="2"/>
      <c r="S2" s="2"/>
      <c r="T2" s="2"/>
      <c r="U2" s="2"/>
      <c r="V2" s="2"/>
      <c r="W2" s="4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5"/>
      <c r="AP2" s="4"/>
      <c r="AQ2" s="4"/>
      <c r="AR2" s="2"/>
      <c r="AS2" s="2"/>
    </row>
    <row r="3" spans="1:45" ht="14.25" x14ac:dyDescent="0.15">
      <c r="A3" s="7" t="s">
        <v>21</v>
      </c>
      <c r="B3" s="2"/>
      <c r="C3" s="2"/>
      <c r="D3" s="2"/>
      <c r="E3" s="2"/>
      <c r="F3" s="2"/>
      <c r="G3" s="38" t="s">
        <v>22</v>
      </c>
      <c r="H3" s="38"/>
      <c r="I3" s="38"/>
      <c r="J3" s="39"/>
      <c r="K3" s="39"/>
      <c r="L3" s="39"/>
      <c r="M3" s="39"/>
      <c r="N3" s="39"/>
      <c r="O3" s="39"/>
      <c r="P3" s="39"/>
      <c r="Q3" s="39"/>
      <c r="R3" s="39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2"/>
      <c r="AJ3" s="2"/>
      <c r="AK3" s="2"/>
      <c r="AL3" s="2"/>
      <c r="AM3" s="2"/>
      <c r="AN3" s="2"/>
      <c r="AO3" s="2"/>
      <c r="AP3" s="2"/>
      <c r="AQ3" s="2"/>
      <c r="AR3" s="2"/>
      <c r="AS3" s="2"/>
    </row>
    <row r="4" spans="1:45" ht="14.25" x14ac:dyDescent="0.15">
      <c r="A4" s="2"/>
      <c r="B4" s="2"/>
      <c r="C4" s="2"/>
      <c r="D4" s="2"/>
      <c r="E4" s="2"/>
      <c r="F4" s="2"/>
      <c r="G4" s="38" t="s">
        <v>23</v>
      </c>
      <c r="H4" s="38"/>
      <c r="I4" s="38"/>
      <c r="J4" s="39"/>
      <c r="K4" s="39"/>
      <c r="L4" s="39"/>
      <c r="M4" s="39"/>
      <c r="N4" s="39"/>
      <c r="O4" s="39"/>
      <c r="P4" s="39"/>
      <c r="Q4" s="39"/>
      <c r="R4" s="39"/>
      <c r="S4" s="4"/>
      <c r="T4" s="4"/>
      <c r="U4" s="4"/>
      <c r="V4" s="4"/>
      <c r="W4" s="4"/>
      <c r="X4" s="4"/>
      <c r="Y4" s="8"/>
      <c r="Z4" s="4"/>
      <c r="AA4" s="4"/>
      <c r="AB4" s="4"/>
      <c r="AC4" s="4"/>
      <c r="AD4" s="4"/>
      <c r="AE4" s="4"/>
      <c r="AF4" s="4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</row>
    <row r="5" spans="1:45" x14ac:dyDescent="0.15">
      <c r="A5" s="2"/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L5" s="2"/>
      <c r="AM5" s="2"/>
      <c r="AN5" s="2"/>
      <c r="AO5" s="2"/>
      <c r="AP5" s="2"/>
      <c r="AQ5" s="2"/>
      <c r="AR5" s="2"/>
      <c r="AS5" s="2"/>
    </row>
    <row r="6" spans="1:45" x14ac:dyDescent="0.15">
      <c r="A6" s="9" t="s">
        <v>1</v>
      </c>
      <c r="B6" s="10"/>
      <c r="C6" s="10"/>
      <c r="D6" s="11"/>
      <c r="E6" s="12"/>
      <c r="F6" s="10"/>
      <c r="G6" s="10"/>
      <c r="H6" s="11"/>
      <c r="I6" s="2"/>
      <c r="J6" s="2"/>
      <c r="K6" s="9" t="s">
        <v>2</v>
      </c>
      <c r="L6" s="10"/>
      <c r="M6" s="11"/>
      <c r="N6" s="12"/>
      <c r="O6" s="10"/>
      <c r="P6" s="10"/>
      <c r="Q6" s="10"/>
      <c r="R6" s="11"/>
      <c r="S6" s="2"/>
      <c r="T6" s="9" t="s">
        <v>2</v>
      </c>
      <c r="U6" s="10"/>
      <c r="V6" s="11"/>
      <c r="W6" s="12"/>
      <c r="X6" s="10"/>
      <c r="Y6" s="10"/>
      <c r="Z6" s="10"/>
      <c r="AA6" s="11"/>
      <c r="AB6" s="2"/>
      <c r="AC6" s="9" t="s">
        <v>2</v>
      </c>
      <c r="AD6" s="10"/>
      <c r="AE6" s="11"/>
      <c r="AF6" s="12"/>
      <c r="AG6" s="10"/>
      <c r="AH6" s="10"/>
      <c r="AI6" s="10"/>
      <c r="AJ6" s="11"/>
      <c r="AK6" s="2"/>
      <c r="AL6" s="9" t="s">
        <v>2</v>
      </c>
      <c r="AM6" s="10"/>
      <c r="AN6" s="11"/>
      <c r="AO6" s="12"/>
      <c r="AP6" s="10"/>
      <c r="AQ6" s="10"/>
      <c r="AR6" s="10"/>
      <c r="AS6" s="11"/>
    </row>
    <row r="7" spans="1:45" x14ac:dyDescent="0.15">
      <c r="A7" s="9" t="s">
        <v>28</v>
      </c>
      <c r="B7" s="10"/>
      <c r="C7" s="10"/>
      <c r="D7" s="11"/>
      <c r="E7" s="12"/>
      <c r="F7" s="10"/>
      <c r="G7" s="10"/>
      <c r="H7" s="11"/>
      <c r="I7" s="2"/>
      <c r="J7" s="2"/>
      <c r="K7" s="9" t="s">
        <v>3</v>
      </c>
      <c r="L7" s="10"/>
      <c r="M7" s="11"/>
      <c r="N7" s="12"/>
      <c r="O7" s="10"/>
      <c r="P7" s="10"/>
      <c r="Q7" s="10"/>
      <c r="R7" s="11"/>
      <c r="S7" s="2"/>
      <c r="T7" s="9" t="s">
        <v>3</v>
      </c>
      <c r="U7" s="10"/>
      <c r="V7" s="11"/>
      <c r="W7" s="12"/>
      <c r="X7" s="10"/>
      <c r="Y7" s="10"/>
      <c r="Z7" s="10"/>
      <c r="AA7" s="11"/>
      <c r="AB7" s="2"/>
      <c r="AC7" s="9" t="s">
        <v>3</v>
      </c>
      <c r="AD7" s="10"/>
      <c r="AE7" s="11"/>
      <c r="AF7" s="12"/>
      <c r="AG7" s="10"/>
      <c r="AH7" s="10"/>
      <c r="AI7" s="10"/>
      <c r="AJ7" s="11"/>
      <c r="AK7" s="2"/>
      <c r="AL7" s="9" t="s">
        <v>3</v>
      </c>
      <c r="AM7" s="10"/>
      <c r="AN7" s="11"/>
      <c r="AO7" s="12"/>
      <c r="AP7" s="10"/>
      <c r="AQ7" s="10"/>
      <c r="AR7" s="10"/>
      <c r="AS7" s="11"/>
    </row>
    <row r="8" spans="1:45" x14ac:dyDescent="0.15">
      <c r="A8" s="9" t="s">
        <v>4</v>
      </c>
      <c r="B8" s="10"/>
      <c r="C8" s="10"/>
      <c r="D8" s="11"/>
      <c r="E8" s="12"/>
      <c r="F8" s="10"/>
      <c r="G8" s="10"/>
      <c r="H8" s="11"/>
      <c r="I8" s="2"/>
      <c r="J8" s="2"/>
      <c r="K8" s="9" t="s">
        <v>5</v>
      </c>
      <c r="L8" s="10"/>
      <c r="M8" s="11"/>
      <c r="N8" s="12"/>
      <c r="O8" s="10"/>
      <c r="P8" s="10"/>
      <c r="Q8" s="10"/>
      <c r="R8" s="11"/>
      <c r="S8" s="2"/>
      <c r="T8" s="9" t="s">
        <v>5</v>
      </c>
      <c r="U8" s="10"/>
      <c r="V8" s="11"/>
      <c r="W8" s="12"/>
      <c r="X8" s="10"/>
      <c r="Y8" s="10"/>
      <c r="Z8" s="10"/>
      <c r="AA8" s="11"/>
      <c r="AB8" s="2"/>
      <c r="AC8" s="9" t="s">
        <v>5</v>
      </c>
      <c r="AD8" s="10"/>
      <c r="AE8" s="11"/>
      <c r="AF8" s="12"/>
      <c r="AG8" s="10"/>
      <c r="AH8" s="10"/>
      <c r="AI8" s="10"/>
      <c r="AJ8" s="11"/>
      <c r="AK8" s="2"/>
      <c r="AL8" s="9" t="s">
        <v>5</v>
      </c>
      <c r="AM8" s="10"/>
      <c r="AN8" s="11"/>
      <c r="AO8" s="12"/>
      <c r="AP8" s="10"/>
      <c r="AQ8" s="10"/>
      <c r="AR8" s="10"/>
      <c r="AS8" s="11"/>
    </row>
    <row r="9" spans="1:45" x14ac:dyDescent="0.15">
      <c r="A9" s="13"/>
      <c r="B9" s="4"/>
      <c r="C9" s="4"/>
      <c r="D9" s="4"/>
      <c r="E9" s="4"/>
      <c r="F9" s="4"/>
      <c r="G9" s="4"/>
      <c r="H9" s="14"/>
      <c r="I9" s="2"/>
      <c r="J9" s="2"/>
      <c r="K9" s="12"/>
      <c r="L9" s="10"/>
      <c r="M9" s="36" t="s">
        <v>6</v>
      </c>
      <c r="N9" s="37"/>
      <c r="O9" s="37"/>
      <c r="P9" s="37"/>
      <c r="Q9" s="10"/>
      <c r="R9" s="11"/>
      <c r="S9" s="2"/>
      <c r="T9" s="12"/>
      <c r="U9" s="10"/>
      <c r="V9" s="36" t="s">
        <v>6</v>
      </c>
      <c r="W9" s="37"/>
      <c r="X9" s="37"/>
      <c r="Y9" s="37"/>
      <c r="Z9" s="10"/>
      <c r="AA9" s="11"/>
      <c r="AB9" s="2"/>
      <c r="AC9" s="12"/>
      <c r="AD9" s="10"/>
      <c r="AE9" s="36" t="s">
        <v>6</v>
      </c>
      <c r="AF9" s="37"/>
      <c r="AG9" s="37"/>
      <c r="AH9" s="37"/>
      <c r="AI9" s="10"/>
      <c r="AJ9" s="11"/>
      <c r="AK9" s="2"/>
      <c r="AL9" s="12"/>
      <c r="AM9" s="10"/>
      <c r="AN9" s="36" t="s">
        <v>6</v>
      </c>
      <c r="AO9" s="37"/>
      <c r="AP9" s="37"/>
      <c r="AQ9" s="37"/>
      <c r="AR9" s="10"/>
      <c r="AS9" s="11"/>
    </row>
    <row r="10" spans="1:45" x14ac:dyDescent="0.15">
      <c r="A10" s="15"/>
      <c r="B10" s="4"/>
      <c r="C10" s="16"/>
      <c r="D10" s="17"/>
      <c r="E10" s="17"/>
      <c r="F10" s="18"/>
      <c r="G10" s="4"/>
      <c r="H10" s="14"/>
      <c r="I10" s="2"/>
      <c r="J10" s="2"/>
      <c r="K10" s="15"/>
      <c r="L10" s="4"/>
      <c r="M10" s="4"/>
      <c r="N10" s="4"/>
      <c r="O10" s="4"/>
      <c r="P10" s="4"/>
      <c r="Q10" s="4"/>
      <c r="R10" s="14"/>
      <c r="S10" s="2"/>
      <c r="T10" s="15"/>
      <c r="U10" s="4"/>
      <c r="V10" s="4"/>
      <c r="W10" s="4"/>
      <c r="X10" s="4"/>
      <c r="Y10" s="4"/>
      <c r="Z10" s="4"/>
      <c r="AA10" s="14"/>
      <c r="AB10" s="2"/>
      <c r="AC10" s="15"/>
      <c r="AD10" s="4"/>
      <c r="AE10" s="4"/>
      <c r="AF10" s="4"/>
      <c r="AG10" s="4"/>
      <c r="AH10" s="4"/>
      <c r="AI10" s="4"/>
      <c r="AJ10" s="14"/>
      <c r="AK10" s="2"/>
      <c r="AL10" s="15"/>
      <c r="AM10" s="4"/>
      <c r="AN10" s="4"/>
      <c r="AO10" s="4"/>
      <c r="AP10" s="4"/>
      <c r="AQ10" s="4"/>
      <c r="AR10" s="4"/>
      <c r="AS10" s="14"/>
    </row>
    <row r="11" spans="1:45" x14ac:dyDescent="0.15">
      <c r="A11" s="15"/>
      <c r="B11" s="4"/>
      <c r="C11" s="19"/>
      <c r="D11" s="4"/>
      <c r="E11" s="4"/>
      <c r="F11" s="20"/>
      <c r="G11" s="4"/>
      <c r="H11" s="14"/>
      <c r="I11" s="2"/>
      <c r="J11" s="2"/>
      <c r="K11" s="15"/>
      <c r="L11" s="4"/>
      <c r="M11" s="16"/>
      <c r="N11" s="17"/>
      <c r="O11" s="17"/>
      <c r="P11" s="18"/>
      <c r="Q11" s="4"/>
      <c r="R11" s="14"/>
      <c r="S11" s="2"/>
      <c r="T11" s="15"/>
      <c r="U11" s="4"/>
      <c r="V11" s="16"/>
      <c r="W11" s="17"/>
      <c r="X11" s="17"/>
      <c r="Y11" s="18"/>
      <c r="Z11" s="4"/>
      <c r="AA11" s="14"/>
      <c r="AB11" s="2"/>
      <c r="AC11" s="15"/>
      <c r="AD11" s="4"/>
      <c r="AE11" s="16"/>
      <c r="AF11" s="17"/>
      <c r="AG11" s="17"/>
      <c r="AH11" s="18"/>
      <c r="AI11" s="4"/>
      <c r="AJ11" s="14"/>
      <c r="AK11" s="2"/>
      <c r="AL11" s="15"/>
      <c r="AM11" s="4"/>
      <c r="AN11" s="16"/>
      <c r="AO11" s="17"/>
      <c r="AP11" s="17"/>
      <c r="AQ11" s="18"/>
      <c r="AR11" s="4"/>
      <c r="AS11" s="14"/>
    </row>
    <row r="12" spans="1:45" x14ac:dyDescent="0.15">
      <c r="A12" s="15"/>
      <c r="B12" s="4"/>
      <c r="C12" s="19"/>
      <c r="D12" s="4"/>
      <c r="E12" s="4"/>
      <c r="F12" s="20"/>
      <c r="G12" s="4"/>
      <c r="H12" s="14"/>
      <c r="I12" s="2"/>
      <c r="J12" s="2"/>
      <c r="K12" s="15"/>
      <c r="L12" s="4"/>
      <c r="M12" s="19"/>
      <c r="N12" s="4"/>
      <c r="O12" s="4"/>
      <c r="P12" s="20"/>
      <c r="Q12" s="4"/>
      <c r="R12" s="14"/>
      <c r="S12" s="2"/>
      <c r="T12" s="15"/>
      <c r="U12" s="4"/>
      <c r="V12" s="19"/>
      <c r="W12" s="4"/>
      <c r="X12" s="4"/>
      <c r="Y12" s="20"/>
      <c r="Z12" s="4"/>
      <c r="AA12" s="14"/>
      <c r="AB12" s="2"/>
      <c r="AC12" s="15"/>
      <c r="AD12" s="4"/>
      <c r="AE12" s="19"/>
      <c r="AF12" s="4"/>
      <c r="AG12" s="4"/>
      <c r="AH12" s="20"/>
      <c r="AI12" s="4"/>
      <c r="AJ12" s="14"/>
      <c r="AK12" s="2"/>
      <c r="AL12" s="15"/>
      <c r="AM12" s="4"/>
      <c r="AN12" s="19"/>
      <c r="AO12" s="4"/>
      <c r="AP12" s="4"/>
      <c r="AQ12" s="20"/>
      <c r="AR12" s="4"/>
      <c r="AS12" s="14"/>
    </row>
    <row r="13" spans="1:45" x14ac:dyDescent="0.15">
      <c r="A13" s="15"/>
      <c r="B13" s="4"/>
      <c r="C13" s="19"/>
      <c r="D13" s="21" t="s">
        <v>7</v>
      </c>
      <c r="E13" s="4"/>
      <c r="F13" s="20"/>
      <c r="G13" s="4"/>
      <c r="H13" s="14"/>
      <c r="I13" s="2"/>
      <c r="J13" s="2"/>
      <c r="K13" s="15"/>
      <c r="L13" s="4"/>
      <c r="M13" s="19"/>
      <c r="N13" s="4"/>
      <c r="O13" s="4"/>
      <c r="P13" s="20"/>
      <c r="Q13" s="4"/>
      <c r="R13" s="14"/>
      <c r="S13" s="2"/>
      <c r="T13" s="15"/>
      <c r="U13" s="4"/>
      <c r="V13" s="19"/>
      <c r="W13" s="4"/>
      <c r="X13" s="4"/>
      <c r="Y13" s="20"/>
      <c r="Z13" s="4"/>
      <c r="AA13" s="14"/>
      <c r="AB13" s="2"/>
      <c r="AC13" s="15"/>
      <c r="AD13" s="4"/>
      <c r="AE13" s="19"/>
      <c r="AF13" s="4"/>
      <c r="AG13" s="4"/>
      <c r="AH13" s="20"/>
      <c r="AI13" s="4"/>
      <c r="AJ13" s="14"/>
      <c r="AK13" s="2"/>
      <c r="AL13" s="15"/>
      <c r="AM13" s="4"/>
      <c r="AN13" s="19"/>
      <c r="AO13" s="4"/>
      <c r="AP13" s="4"/>
      <c r="AQ13" s="20"/>
      <c r="AR13" s="4"/>
      <c r="AS13" s="14"/>
    </row>
    <row r="14" spans="1:45" x14ac:dyDescent="0.15">
      <c r="A14" s="15"/>
      <c r="B14" s="4"/>
      <c r="C14" s="19"/>
      <c r="D14" s="4"/>
      <c r="E14" s="4"/>
      <c r="F14" s="20"/>
      <c r="G14" s="4"/>
      <c r="H14" s="14"/>
      <c r="I14" s="22"/>
      <c r="J14" s="23"/>
      <c r="K14" s="15"/>
      <c r="L14" s="4"/>
      <c r="M14" s="19"/>
      <c r="N14" s="21" t="s">
        <v>7</v>
      </c>
      <c r="O14" s="4"/>
      <c r="P14" s="20"/>
      <c r="Q14" s="4"/>
      <c r="R14" s="14"/>
      <c r="S14" s="24"/>
      <c r="T14" s="15"/>
      <c r="U14" s="4"/>
      <c r="V14" s="19"/>
      <c r="W14" s="21" t="s">
        <v>7</v>
      </c>
      <c r="X14" s="4"/>
      <c r="Y14" s="20"/>
      <c r="Z14" s="4"/>
      <c r="AA14" s="14"/>
      <c r="AB14" s="24"/>
      <c r="AC14" s="15"/>
      <c r="AD14" s="4"/>
      <c r="AE14" s="19"/>
      <c r="AF14" s="21" t="s">
        <v>7</v>
      </c>
      <c r="AG14" s="4"/>
      <c r="AH14" s="20"/>
      <c r="AI14" s="4"/>
      <c r="AJ14" s="14"/>
      <c r="AK14" s="24"/>
      <c r="AL14" s="15"/>
      <c r="AM14" s="4"/>
      <c r="AN14" s="19"/>
      <c r="AO14" s="21" t="s">
        <v>7</v>
      </c>
      <c r="AP14" s="4"/>
      <c r="AQ14" s="20"/>
      <c r="AR14" s="4"/>
      <c r="AS14" s="14"/>
    </row>
    <row r="15" spans="1:45" x14ac:dyDescent="0.15">
      <c r="A15" s="15"/>
      <c r="B15" s="4"/>
      <c r="C15" s="19"/>
      <c r="D15" s="4"/>
      <c r="E15" s="4"/>
      <c r="F15" s="20"/>
      <c r="G15" s="4"/>
      <c r="H15" s="14"/>
      <c r="I15" s="2"/>
      <c r="J15" s="19"/>
      <c r="K15" s="15"/>
      <c r="L15" s="4"/>
      <c r="M15" s="19"/>
      <c r="N15" s="4"/>
      <c r="O15" s="4"/>
      <c r="P15" s="20"/>
      <c r="Q15" s="4"/>
      <c r="R15" s="14"/>
      <c r="S15" s="2"/>
      <c r="T15" s="15"/>
      <c r="U15" s="4"/>
      <c r="V15" s="19"/>
      <c r="W15" s="4"/>
      <c r="X15" s="4"/>
      <c r="Y15" s="20"/>
      <c r="Z15" s="4"/>
      <c r="AA15" s="14"/>
      <c r="AB15" s="2"/>
      <c r="AC15" s="15"/>
      <c r="AD15" s="4"/>
      <c r="AE15" s="19"/>
      <c r="AF15" s="4"/>
      <c r="AG15" s="4"/>
      <c r="AH15" s="20"/>
      <c r="AI15" s="4"/>
      <c r="AJ15" s="14"/>
      <c r="AK15" s="2"/>
      <c r="AL15" s="15"/>
      <c r="AM15" s="4"/>
      <c r="AN15" s="19"/>
      <c r="AO15" s="4"/>
      <c r="AP15" s="4"/>
      <c r="AQ15" s="20"/>
      <c r="AR15" s="4"/>
      <c r="AS15" s="14"/>
    </row>
    <row r="16" spans="1:45" x14ac:dyDescent="0.15">
      <c r="A16" s="15"/>
      <c r="B16" s="4"/>
      <c r="C16" s="19"/>
      <c r="D16" s="4"/>
      <c r="E16" s="4"/>
      <c r="F16" s="20"/>
      <c r="G16" s="4"/>
      <c r="H16" s="14"/>
      <c r="I16" s="2"/>
      <c r="J16" s="19"/>
      <c r="K16" s="15"/>
      <c r="L16" s="4"/>
      <c r="M16" s="19"/>
      <c r="N16" s="4"/>
      <c r="O16" s="4"/>
      <c r="P16" s="20"/>
      <c r="Q16" s="4"/>
      <c r="R16" s="14"/>
      <c r="S16" s="2"/>
      <c r="T16" s="15"/>
      <c r="U16" s="4"/>
      <c r="V16" s="19"/>
      <c r="W16" s="4"/>
      <c r="X16" s="4"/>
      <c r="Y16" s="20"/>
      <c r="Z16" s="4"/>
      <c r="AA16" s="14"/>
      <c r="AB16" s="2"/>
      <c r="AC16" s="15"/>
      <c r="AD16" s="4"/>
      <c r="AE16" s="19"/>
      <c r="AF16" s="4"/>
      <c r="AG16" s="4"/>
      <c r="AH16" s="20"/>
      <c r="AI16" s="4"/>
      <c r="AJ16" s="14"/>
      <c r="AK16" s="2"/>
      <c r="AL16" s="15"/>
      <c r="AM16" s="4"/>
      <c r="AN16" s="19"/>
      <c r="AO16" s="4"/>
      <c r="AP16" s="4"/>
      <c r="AQ16" s="20"/>
      <c r="AR16" s="4"/>
      <c r="AS16" s="14"/>
    </row>
    <row r="17" spans="1:45" x14ac:dyDescent="0.15">
      <c r="A17" s="15"/>
      <c r="B17" s="4"/>
      <c r="C17" s="19"/>
      <c r="D17" s="4"/>
      <c r="E17" s="4"/>
      <c r="F17" s="20"/>
      <c r="G17" s="4"/>
      <c r="H17" s="14"/>
      <c r="I17" s="2"/>
      <c r="J17" s="19"/>
      <c r="K17" s="15"/>
      <c r="L17" s="4"/>
      <c r="M17" s="19"/>
      <c r="N17" s="4"/>
      <c r="O17" s="4"/>
      <c r="P17" s="20"/>
      <c r="Q17" s="4"/>
      <c r="R17" s="14"/>
      <c r="S17" s="2"/>
      <c r="T17" s="15"/>
      <c r="U17" s="4"/>
      <c r="V17" s="19"/>
      <c r="W17" s="4"/>
      <c r="X17" s="4"/>
      <c r="Y17" s="20"/>
      <c r="Z17" s="4"/>
      <c r="AA17" s="14"/>
      <c r="AB17" s="2"/>
      <c r="AC17" s="15"/>
      <c r="AD17" s="4"/>
      <c r="AE17" s="19"/>
      <c r="AF17" s="4"/>
      <c r="AG17" s="4"/>
      <c r="AH17" s="20"/>
      <c r="AI17" s="4"/>
      <c r="AJ17" s="14"/>
      <c r="AK17" s="2"/>
      <c r="AL17" s="15"/>
      <c r="AM17" s="4"/>
      <c r="AN17" s="19"/>
      <c r="AO17" s="4"/>
      <c r="AP17" s="4"/>
      <c r="AQ17" s="20"/>
      <c r="AR17" s="4"/>
      <c r="AS17" s="14"/>
    </row>
    <row r="18" spans="1:45" x14ac:dyDescent="0.15">
      <c r="A18" s="15"/>
      <c r="B18" s="4"/>
      <c r="C18" s="25"/>
      <c r="D18" s="26"/>
      <c r="E18" s="26"/>
      <c r="F18" s="27"/>
      <c r="G18" s="4"/>
      <c r="H18" s="14"/>
      <c r="I18" s="2"/>
      <c r="J18" s="19"/>
      <c r="K18" s="15"/>
      <c r="L18" s="4"/>
      <c r="M18" s="19"/>
      <c r="N18" s="4"/>
      <c r="O18" s="4"/>
      <c r="P18" s="20"/>
      <c r="Q18" s="4"/>
      <c r="R18" s="14"/>
      <c r="S18" s="2"/>
      <c r="T18" s="15"/>
      <c r="U18" s="4"/>
      <c r="V18" s="19"/>
      <c r="W18" s="4"/>
      <c r="X18" s="4"/>
      <c r="Y18" s="20"/>
      <c r="Z18" s="4"/>
      <c r="AA18" s="14"/>
      <c r="AB18" s="2"/>
      <c r="AC18" s="15"/>
      <c r="AD18" s="4"/>
      <c r="AE18" s="19"/>
      <c r="AF18" s="4"/>
      <c r="AG18" s="4"/>
      <c r="AH18" s="20"/>
      <c r="AI18" s="4"/>
      <c r="AJ18" s="14"/>
      <c r="AK18" s="2"/>
      <c r="AL18" s="15"/>
      <c r="AM18" s="4"/>
      <c r="AN18" s="19"/>
      <c r="AO18" s="4"/>
      <c r="AP18" s="4"/>
      <c r="AQ18" s="20"/>
      <c r="AR18" s="4"/>
      <c r="AS18" s="14"/>
    </row>
    <row r="19" spans="1:45" x14ac:dyDescent="0.15">
      <c r="A19" s="15"/>
      <c r="B19" s="4"/>
      <c r="C19" s="4"/>
      <c r="D19" s="4"/>
      <c r="E19" s="4"/>
      <c r="F19" s="4"/>
      <c r="G19" s="4"/>
      <c r="H19" s="14"/>
      <c r="I19" s="2"/>
      <c r="J19" s="19"/>
      <c r="K19" s="15"/>
      <c r="L19" s="4"/>
      <c r="M19" s="25"/>
      <c r="N19" s="26"/>
      <c r="O19" s="26"/>
      <c r="P19" s="27"/>
      <c r="Q19" s="4"/>
      <c r="R19" s="14"/>
      <c r="S19" s="2"/>
      <c r="T19" s="15"/>
      <c r="U19" s="4"/>
      <c r="V19" s="25"/>
      <c r="W19" s="26"/>
      <c r="X19" s="26"/>
      <c r="Y19" s="27"/>
      <c r="Z19" s="4"/>
      <c r="AA19" s="14"/>
      <c r="AB19" s="2"/>
      <c r="AC19" s="15"/>
      <c r="AD19" s="4"/>
      <c r="AE19" s="25"/>
      <c r="AF19" s="26"/>
      <c r="AG19" s="26"/>
      <c r="AH19" s="27"/>
      <c r="AI19" s="4"/>
      <c r="AJ19" s="14"/>
      <c r="AK19" s="2"/>
      <c r="AL19" s="15"/>
      <c r="AM19" s="4"/>
      <c r="AN19" s="25"/>
      <c r="AO19" s="26"/>
      <c r="AP19" s="26"/>
      <c r="AQ19" s="27"/>
      <c r="AR19" s="4"/>
      <c r="AS19" s="14"/>
    </row>
    <row r="20" spans="1:45" x14ac:dyDescent="0.15">
      <c r="A20" s="28"/>
      <c r="B20" s="28"/>
      <c r="C20" s="28"/>
      <c r="D20" s="28"/>
      <c r="E20" s="28"/>
      <c r="F20" s="28"/>
      <c r="G20" s="28"/>
      <c r="H20" s="28"/>
      <c r="I20" s="2"/>
      <c r="J20" s="19"/>
      <c r="K20" s="29"/>
      <c r="L20" s="30"/>
      <c r="M20" s="30"/>
      <c r="N20" s="30"/>
      <c r="O20" s="30"/>
      <c r="P20" s="30"/>
      <c r="Q20" s="30"/>
      <c r="R20" s="31"/>
      <c r="S20" s="2"/>
      <c r="T20" s="29"/>
      <c r="U20" s="30"/>
      <c r="V20" s="30"/>
      <c r="W20" s="30"/>
      <c r="X20" s="30"/>
      <c r="Y20" s="30"/>
      <c r="Z20" s="30"/>
      <c r="AA20" s="31"/>
      <c r="AB20" s="2"/>
      <c r="AC20" s="29"/>
      <c r="AD20" s="30"/>
      <c r="AE20" s="30"/>
      <c r="AF20" s="30"/>
      <c r="AG20" s="30"/>
      <c r="AH20" s="30"/>
      <c r="AI20" s="30"/>
      <c r="AJ20" s="31"/>
      <c r="AK20" s="2"/>
      <c r="AL20" s="29"/>
      <c r="AM20" s="30"/>
      <c r="AN20" s="30"/>
      <c r="AO20" s="30"/>
      <c r="AP20" s="30"/>
      <c r="AQ20" s="30"/>
      <c r="AR20" s="30"/>
      <c r="AS20" s="31"/>
    </row>
    <row r="21" spans="1:45" x14ac:dyDescent="0.15">
      <c r="A21" s="9" t="s">
        <v>2</v>
      </c>
      <c r="B21" s="10"/>
      <c r="C21" s="11"/>
      <c r="D21" s="12"/>
      <c r="E21" s="10"/>
      <c r="F21" s="10"/>
      <c r="G21" s="10"/>
      <c r="H21" s="11"/>
      <c r="I21" s="2"/>
      <c r="J21" s="19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</row>
    <row r="22" spans="1:45" x14ac:dyDescent="0.15">
      <c r="A22" s="9" t="s">
        <v>8</v>
      </c>
      <c r="B22" s="10"/>
      <c r="C22" s="11"/>
      <c r="D22" s="12"/>
      <c r="E22" s="10"/>
      <c r="F22" s="10"/>
      <c r="G22" s="10"/>
      <c r="H22" s="11"/>
      <c r="I22" s="2"/>
      <c r="J22" s="19"/>
      <c r="K22" s="9" t="s">
        <v>2</v>
      </c>
      <c r="L22" s="10"/>
      <c r="M22" s="11"/>
      <c r="N22" s="12"/>
      <c r="O22" s="10"/>
      <c r="P22" s="10"/>
      <c r="Q22" s="10"/>
      <c r="R22" s="11"/>
      <c r="S22" s="2"/>
      <c r="T22" s="9" t="s">
        <v>2</v>
      </c>
      <c r="U22" s="10"/>
      <c r="V22" s="11"/>
      <c r="W22" s="12"/>
      <c r="X22" s="10"/>
      <c r="Y22" s="10"/>
      <c r="Z22" s="10"/>
      <c r="AA22" s="11"/>
      <c r="AB22" s="2"/>
      <c r="AC22" s="9" t="s">
        <v>2</v>
      </c>
      <c r="AD22" s="10"/>
      <c r="AE22" s="11"/>
      <c r="AF22" s="12"/>
      <c r="AG22" s="10"/>
      <c r="AH22" s="10"/>
      <c r="AI22" s="10"/>
      <c r="AJ22" s="11"/>
      <c r="AK22" s="2"/>
      <c r="AL22" s="9" t="s">
        <v>2</v>
      </c>
      <c r="AM22" s="10"/>
      <c r="AN22" s="11"/>
      <c r="AO22" s="12"/>
      <c r="AP22" s="10"/>
      <c r="AQ22" s="10"/>
      <c r="AR22" s="10"/>
      <c r="AS22" s="11"/>
    </row>
    <row r="23" spans="1:45" x14ac:dyDescent="0.15">
      <c r="A23" s="9" t="s">
        <v>5</v>
      </c>
      <c r="B23" s="10"/>
      <c r="C23" s="11"/>
      <c r="D23" s="12"/>
      <c r="E23" s="10"/>
      <c r="F23" s="10"/>
      <c r="G23" s="10"/>
      <c r="H23" s="11"/>
      <c r="I23" s="2"/>
      <c r="J23" s="19"/>
      <c r="K23" s="9" t="s">
        <v>3</v>
      </c>
      <c r="L23" s="10"/>
      <c r="M23" s="11"/>
      <c r="N23" s="12"/>
      <c r="O23" s="10"/>
      <c r="P23" s="10"/>
      <c r="Q23" s="10"/>
      <c r="R23" s="11"/>
      <c r="S23" s="2"/>
      <c r="T23" s="9" t="s">
        <v>3</v>
      </c>
      <c r="U23" s="10"/>
      <c r="V23" s="11"/>
      <c r="W23" s="12"/>
      <c r="X23" s="10"/>
      <c r="Y23" s="10"/>
      <c r="Z23" s="10"/>
      <c r="AA23" s="11"/>
      <c r="AB23" s="2"/>
      <c r="AC23" s="9" t="s">
        <v>3</v>
      </c>
      <c r="AD23" s="10"/>
      <c r="AE23" s="11"/>
      <c r="AF23" s="12"/>
      <c r="AG23" s="10"/>
      <c r="AH23" s="10"/>
      <c r="AI23" s="10"/>
      <c r="AJ23" s="11"/>
      <c r="AK23" s="2"/>
      <c r="AL23" s="9" t="s">
        <v>3</v>
      </c>
      <c r="AM23" s="10"/>
      <c r="AN23" s="11"/>
      <c r="AO23" s="12"/>
      <c r="AP23" s="10"/>
      <c r="AQ23" s="10"/>
      <c r="AR23" s="10"/>
      <c r="AS23" s="11"/>
    </row>
    <row r="24" spans="1:45" x14ac:dyDescent="0.15">
      <c r="A24" s="32"/>
      <c r="B24" s="28"/>
      <c r="C24" s="43"/>
      <c r="D24" s="44"/>
      <c r="E24" s="44"/>
      <c r="F24" s="44"/>
      <c r="G24" s="28"/>
      <c r="H24" s="33"/>
      <c r="I24" s="2"/>
      <c r="J24" s="19"/>
      <c r="K24" s="9" t="s">
        <v>5</v>
      </c>
      <c r="L24" s="10"/>
      <c r="M24" s="11"/>
      <c r="N24" s="12"/>
      <c r="O24" s="10"/>
      <c r="P24" s="10"/>
      <c r="Q24" s="10"/>
      <c r="R24" s="11"/>
      <c r="S24" s="2"/>
      <c r="T24" s="9" t="s">
        <v>5</v>
      </c>
      <c r="U24" s="10"/>
      <c r="V24" s="11"/>
      <c r="W24" s="12"/>
      <c r="X24" s="10"/>
      <c r="Y24" s="10"/>
      <c r="Z24" s="10"/>
      <c r="AA24" s="11"/>
      <c r="AB24" s="2"/>
      <c r="AC24" s="9" t="s">
        <v>5</v>
      </c>
      <c r="AD24" s="10"/>
      <c r="AE24" s="11"/>
      <c r="AF24" s="12"/>
      <c r="AG24" s="10"/>
      <c r="AH24" s="10"/>
      <c r="AI24" s="10"/>
      <c r="AJ24" s="11"/>
      <c r="AK24" s="2"/>
      <c r="AL24" s="9" t="s">
        <v>5</v>
      </c>
      <c r="AM24" s="10"/>
      <c r="AN24" s="11"/>
      <c r="AO24" s="12"/>
      <c r="AP24" s="10"/>
      <c r="AQ24" s="10"/>
      <c r="AR24" s="10"/>
      <c r="AS24" s="11"/>
    </row>
    <row r="25" spans="1:45" x14ac:dyDescent="0.15">
      <c r="A25" s="15"/>
      <c r="B25" s="4"/>
      <c r="C25" s="16"/>
      <c r="D25" s="17"/>
      <c r="E25" s="17"/>
      <c r="F25" s="18"/>
      <c r="G25" s="4"/>
      <c r="H25" s="14"/>
      <c r="I25" s="2"/>
      <c r="J25" s="19"/>
      <c r="K25" s="12"/>
      <c r="L25" s="10"/>
      <c r="M25" s="36" t="s">
        <v>6</v>
      </c>
      <c r="N25" s="37"/>
      <c r="O25" s="37"/>
      <c r="P25" s="37"/>
      <c r="Q25" s="10"/>
      <c r="R25" s="11"/>
      <c r="S25" s="2"/>
      <c r="T25" s="12"/>
      <c r="U25" s="10"/>
      <c r="V25" s="36" t="s">
        <v>6</v>
      </c>
      <c r="W25" s="37"/>
      <c r="X25" s="37"/>
      <c r="Y25" s="37"/>
      <c r="Z25" s="10"/>
      <c r="AA25" s="11"/>
      <c r="AB25" s="2"/>
      <c r="AC25" s="12"/>
      <c r="AD25" s="10"/>
      <c r="AE25" s="36" t="s">
        <v>6</v>
      </c>
      <c r="AF25" s="37"/>
      <c r="AG25" s="37"/>
      <c r="AH25" s="37"/>
      <c r="AI25" s="10"/>
      <c r="AJ25" s="11"/>
      <c r="AK25" s="2"/>
      <c r="AL25" s="12"/>
      <c r="AM25" s="10"/>
      <c r="AN25" s="36" t="s">
        <v>6</v>
      </c>
      <c r="AO25" s="37"/>
      <c r="AP25" s="37"/>
      <c r="AQ25" s="37"/>
      <c r="AR25" s="10"/>
      <c r="AS25" s="11"/>
    </row>
    <row r="26" spans="1:45" x14ac:dyDescent="0.15">
      <c r="A26" s="15"/>
      <c r="B26" s="4"/>
      <c r="C26" s="34"/>
      <c r="D26" s="4"/>
      <c r="E26" s="4"/>
      <c r="F26" s="20"/>
      <c r="G26" s="4"/>
      <c r="H26" s="14"/>
      <c r="I26" s="2"/>
      <c r="J26" s="19"/>
      <c r="K26" s="15"/>
      <c r="L26" s="4"/>
      <c r="M26" s="4"/>
      <c r="N26" s="4"/>
      <c r="O26" s="4"/>
      <c r="P26" s="4"/>
      <c r="Q26" s="4"/>
      <c r="R26" s="14"/>
      <c r="S26" s="2"/>
      <c r="T26" s="15"/>
      <c r="U26" s="4"/>
      <c r="V26" s="4"/>
      <c r="W26" s="4"/>
      <c r="X26" s="4"/>
      <c r="Y26" s="4"/>
      <c r="Z26" s="4"/>
      <c r="AA26" s="14"/>
      <c r="AB26" s="2"/>
      <c r="AC26" s="15"/>
      <c r="AD26" s="4"/>
      <c r="AE26" s="4"/>
      <c r="AF26" s="4"/>
      <c r="AG26" s="4"/>
      <c r="AH26" s="4"/>
      <c r="AI26" s="4"/>
      <c r="AJ26" s="14"/>
      <c r="AK26" s="2"/>
      <c r="AL26" s="15"/>
      <c r="AM26" s="4"/>
      <c r="AN26" s="4"/>
      <c r="AO26" s="4"/>
      <c r="AP26" s="4"/>
      <c r="AQ26" s="4"/>
      <c r="AR26" s="4"/>
      <c r="AS26" s="14"/>
    </row>
    <row r="27" spans="1:45" x14ac:dyDescent="0.15">
      <c r="A27" s="15"/>
      <c r="B27" s="4"/>
      <c r="C27" s="40" t="s">
        <v>20</v>
      </c>
      <c r="D27" s="41"/>
      <c r="E27" s="41"/>
      <c r="F27" s="42"/>
      <c r="G27" s="4"/>
      <c r="H27" s="14"/>
      <c r="I27" s="2"/>
      <c r="J27" s="19"/>
      <c r="K27" s="15"/>
      <c r="L27" s="4"/>
      <c r="M27" s="16"/>
      <c r="N27" s="17"/>
      <c r="O27" s="17"/>
      <c r="P27" s="18"/>
      <c r="Q27" s="4"/>
      <c r="R27" s="14"/>
      <c r="S27" s="2"/>
      <c r="T27" s="15"/>
      <c r="U27" s="4"/>
      <c r="V27" s="16"/>
      <c r="W27" s="17"/>
      <c r="X27" s="17"/>
      <c r="Y27" s="18"/>
      <c r="Z27" s="4"/>
      <c r="AA27" s="14"/>
      <c r="AB27" s="2"/>
      <c r="AC27" s="15"/>
      <c r="AD27" s="4"/>
      <c r="AE27" s="16"/>
      <c r="AF27" s="17"/>
      <c r="AG27" s="17"/>
      <c r="AH27" s="18"/>
      <c r="AI27" s="4"/>
      <c r="AJ27" s="14"/>
      <c r="AK27" s="2"/>
      <c r="AL27" s="15"/>
      <c r="AM27" s="4"/>
      <c r="AN27" s="16"/>
      <c r="AO27" s="17"/>
      <c r="AP27" s="17"/>
      <c r="AQ27" s="18"/>
      <c r="AR27" s="4"/>
      <c r="AS27" s="14"/>
    </row>
    <row r="28" spans="1:45" x14ac:dyDescent="0.15">
      <c r="A28" s="15"/>
      <c r="B28" s="4"/>
      <c r="C28" s="40"/>
      <c r="D28" s="41"/>
      <c r="E28" s="41"/>
      <c r="F28" s="42"/>
      <c r="G28" s="4"/>
      <c r="H28" s="14"/>
      <c r="I28" s="2"/>
      <c r="J28" s="19"/>
      <c r="K28" s="15"/>
      <c r="L28" s="4"/>
      <c r="M28" s="19"/>
      <c r="N28" s="4"/>
      <c r="O28" s="4"/>
      <c r="P28" s="20"/>
      <c r="Q28" s="4"/>
      <c r="R28" s="14"/>
      <c r="S28" s="2"/>
      <c r="T28" s="15"/>
      <c r="U28" s="4"/>
      <c r="V28" s="19"/>
      <c r="W28" s="4"/>
      <c r="X28" s="4"/>
      <c r="Y28" s="20"/>
      <c r="Z28" s="4"/>
      <c r="AA28" s="14"/>
      <c r="AB28" s="2"/>
      <c r="AC28" s="15"/>
      <c r="AD28" s="4"/>
      <c r="AE28" s="19"/>
      <c r="AF28" s="4"/>
      <c r="AG28" s="4"/>
      <c r="AH28" s="20"/>
      <c r="AI28" s="4"/>
      <c r="AJ28" s="14"/>
      <c r="AK28" s="2"/>
      <c r="AL28" s="15"/>
      <c r="AM28" s="4"/>
      <c r="AN28" s="19"/>
      <c r="AO28" s="4"/>
      <c r="AP28" s="4"/>
      <c r="AQ28" s="20"/>
      <c r="AR28" s="4"/>
      <c r="AS28" s="14"/>
    </row>
    <row r="29" spans="1:45" x14ac:dyDescent="0.15">
      <c r="A29" s="15"/>
      <c r="B29" s="4"/>
      <c r="C29" s="40"/>
      <c r="D29" s="41"/>
      <c r="E29" s="41"/>
      <c r="F29" s="42"/>
      <c r="G29" s="4"/>
      <c r="H29" s="14"/>
      <c r="I29" s="2"/>
      <c r="J29" s="25"/>
      <c r="K29" s="15"/>
      <c r="L29" s="4"/>
      <c r="M29" s="19"/>
      <c r="N29" s="4"/>
      <c r="O29" s="4"/>
      <c r="P29" s="20"/>
      <c r="Q29" s="4"/>
      <c r="R29" s="14"/>
      <c r="S29" s="2"/>
      <c r="T29" s="15"/>
      <c r="U29" s="4"/>
      <c r="V29" s="19"/>
      <c r="W29" s="4"/>
      <c r="X29" s="4"/>
      <c r="Y29" s="20"/>
      <c r="Z29" s="4"/>
      <c r="AA29" s="14"/>
      <c r="AB29" s="2"/>
      <c r="AC29" s="15"/>
      <c r="AD29" s="4"/>
      <c r="AE29" s="19"/>
      <c r="AF29" s="4"/>
      <c r="AG29" s="4"/>
      <c r="AH29" s="20"/>
      <c r="AI29" s="4"/>
      <c r="AJ29" s="14"/>
      <c r="AK29" s="2"/>
      <c r="AL29" s="15"/>
      <c r="AM29" s="4"/>
      <c r="AN29" s="19"/>
      <c r="AO29" s="4"/>
      <c r="AP29" s="4"/>
      <c r="AQ29" s="20"/>
      <c r="AR29" s="4"/>
      <c r="AS29" s="14"/>
    </row>
    <row r="30" spans="1:45" x14ac:dyDescent="0.15">
      <c r="A30" s="15"/>
      <c r="B30" s="4"/>
      <c r="C30" s="34"/>
      <c r="D30" s="4"/>
      <c r="E30" s="4"/>
      <c r="F30" s="20"/>
      <c r="G30" s="4"/>
      <c r="H30" s="14"/>
      <c r="I30" s="2"/>
      <c r="J30" s="16"/>
      <c r="K30" s="15"/>
      <c r="L30" s="4"/>
      <c r="M30" s="19"/>
      <c r="N30" s="21" t="s">
        <v>7</v>
      </c>
      <c r="O30" s="4"/>
      <c r="P30" s="20"/>
      <c r="Q30" s="4"/>
      <c r="R30" s="14"/>
      <c r="S30" s="24"/>
      <c r="T30" s="15"/>
      <c r="U30" s="4"/>
      <c r="V30" s="19"/>
      <c r="W30" s="21" t="s">
        <v>7</v>
      </c>
      <c r="X30" s="4"/>
      <c r="Y30" s="20"/>
      <c r="Z30" s="4"/>
      <c r="AA30" s="14"/>
      <c r="AB30" s="24"/>
      <c r="AC30" s="15"/>
      <c r="AD30" s="4"/>
      <c r="AE30" s="19"/>
      <c r="AF30" s="21" t="s">
        <v>7</v>
      </c>
      <c r="AG30" s="4"/>
      <c r="AH30" s="20"/>
      <c r="AI30" s="4"/>
      <c r="AJ30" s="14"/>
      <c r="AK30" s="24"/>
      <c r="AL30" s="15"/>
      <c r="AM30" s="4"/>
      <c r="AN30" s="19"/>
      <c r="AO30" s="21" t="s">
        <v>7</v>
      </c>
      <c r="AP30" s="4"/>
      <c r="AQ30" s="20"/>
      <c r="AR30" s="4"/>
      <c r="AS30" s="14"/>
    </row>
    <row r="31" spans="1:45" x14ac:dyDescent="0.15">
      <c r="A31" s="15"/>
      <c r="B31" s="4"/>
      <c r="C31" s="19"/>
      <c r="D31" s="2"/>
      <c r="E31" s="4"/>
      <c r="F31" s="20"/>
      <c r="G31" s="4"/>
      <c r="H31" s="14"/>
      <c r="I31" s="2"/>
      <c r="J31" s="19"/>
      <c r="K31" s="15"/>
      <c r="L31" s="4"/>
      <c r="M31" s="19"/>
      <c r="N31" s="4"/>
      <c r="O31" s="4"/>
      <c r="P31" s="20"/>
      <c r="Q31" s="4"/>
      <c r="R31" s="14"/>
      <c r="S31" s="2"/>
      <c r="T31" s="15"/>
      <c r="U31" s="4"/>
      <c r="V31" s="19"/>
      <c r="W31" s="4"/>
      <c r="X31" s="4"/>
      <c r="Y31" s="20"/>
      <c r="Z31" s="4"/>
      <c r="AA31" s="14"/>
      <c r="AB31" s="2"/>
      <c r="AC31" s="15"/>
      <c r="AD31" s="4"/>
      <c r="AE31" s="19"/>
      <c r="AF31" s="4"/>
      <c r="AG31" s="4"/>
      <c r="AH31" s="20"/>
      <c r="AI31" s="4"/>
      <c r="AJ31" s="14"/>
      <c r="AK31" s="2"/>
      <c r="AL31" s="15"/>
      <c r="AM31" s="4"/>
      <c r="AN31" s="19"/>
      <c r="AO31" s="4"/>
      <c r="AP31" s="4"/>
      <c r="AQ31" s="20"/>
      <c r="AR31" s="4"/>
      <c r="AS31" s="14"/>
    </row>
    <row r="32" spans="1:45" x14ac:dyDescent="0.15">
      <c r="A32" s="15"/>
      <c r="B32" s="4"/>
      <c r="C32" s="19"/>
      <c r="D32" s="21" t="s">
        <v>7</v>
      </c>
      <c r="E32" s="4"/>
      <c r="F32" s="20"/>
      <c r="G32" s="4"/>
      <c r="H32" s="14"/>
      <c r="I32" s="2"/>
      <c r="J32" s="19"/>
      <c r="K32" s="15"/>
      <c r="L32" s="4"/>
      <c r="M32" s="19"/>
      <c r="N32" s="4"/>
      <c r="O32" s="4"/>
      <c r="P32" s="20"/>
      <c r="Q32" s="4"/>
      <c r="R32" s="14"/>
      <c r="S32" s="2"/>
      <c r="T32" s="15"/>
      <c r="U32" s="4"/>
      <c r="V32" s="19"/>
      <c r="W32" s="4"/>
      <c r="X32" s="4"/>
      <c r="Y32" s="20"/>
      <c r="Z32" s="4"/>
      <c r="AA32" s="14"/>
      <c r="AB32" s="2"/>
      <c r="AC32" s="15"/>
      <c r="AD32" s="4"/>
      <c r="AE32" s="19"/>
      <c r="AF32" s="4"/>
      <c r="AG32" s="4"/>
      <c r="AH32" s="20"/>
      <c r="AI32" s="4"/>
      <c r="AJ32" s="14"/>
      <c r="AK32" s="2"/>
      <c r="AL32" s="15"/>
      <c r="AM32" s="4"/>
      <c r="AN32" s="19"/>
      <c r="AO32" s="4"/>
      <c r="AP32" s="4"/>
      <c r="AQ32" s="20"/>
      <c r="AR32" s="4"/>
      <c r="AS32" s="14"/>
    </row>
    <row r="33" spans="1:45" x14ac:dyDescent="0.15">
      <c r="A33" s="15"/>
      <c r="B33" s="4"/>
      <c r="C33" s="25"/>
      <c r="D33" s="26"/>
      <c r="E33" s="26"/>
      <c r="F33" s="27"/>
      <c r="G33" s="4"/>
      <c r="H33" s="14"/>
      <c r="I33" s="2"/>
      <c r="J33" s="19"/>
      <c r="K33" s="15"/>
      <c r="L33" s="4"/>
      <c r="M33" s="19"/>
      <c r="N33" s="4"/>
      <c r="O33" s="4"/>
      <c r="P33" s="20"/>
      <c r="Q33" s="4"/>
      <c r="R33" s="14"/>
      <c r="S33" s="2"/>
      <c r="T33" s="15"/>
      <c r="U33" s="4"/>
      <c r="V33" s="19"/>
      <c r="W33" s="4"/>
      <c r="X33" s="4"/>
      <c r="Y33" s="20"/>
      <c r="Z33" s="4"/>
      <c r="AA33" s="14"/>
      <c r="AB33" s="2"/>
      <c r="AC33" s="15"/>
      <c r="AD33" s="4"/>
      <c r="AE33" s="19"/>
      <c r="AF33" s="4"/>
      <c r="AG33" s="4"/>
      <c r="AH33" s="20"/>
      <c r="AI33" s="4"/>
      <c r="AJ33" s="14"/>
      <c r="AK33" s="2"/>
      <c r="AL33" s="15"/>
      <c r="AM33" s="4"/>
      <c r="AN33" s="19"/>
      <c r="AO33" s="4"/>
      <c r="AP33" s="4"/>
      <c r="AQ33" s="20"/>
      <c r="AR33" s="4"/>
      <c r="AS33" s="14"/>
    </row>
    <row r="34" spans="1:45" x14ac:dyDescent="0.15">
      <c r="A34" s="15"/>
      <c r="B34" s="4"/>
      <c r="C34" s="2"/>
      <c r="D34" s="2"/>
      <c r="E34" s="2"/>
      <c r="F34" s="2"/>
      <c r="G34" s="4"/>
      <c r="H34" s="14"/>
      <c r="I34" s="2"/>
      <c r="J34" s="19"/>
      <c r="K34" s="15"/>
      <c r="L34" s="4"/>
      <c r="M34" s="19"/>
      <c r="N34" s="4"/>
      <c r="O34" s="4"/>
      <c r="P34" s="20"/>
      <c r="Q34" s="4"/>
      <c r="R34" s="14"/>
      <c r="S34" s="2"/>
      <c r="T34" s="15"/>
      <c r="U34" s="4"/>
      <c r="V34" s="19"/>
      <c r="W34" s="4"/>
      <c r="X34" s="4"/>
      <c r="Y34" s="20"/>
      <c r="Z34" s="4"/>
      <c r="AA34" s="14"/>
      <c r="AB34" s="2"/>
      <c r="AC34" s="15"/>
      <c r="AD34" s="4"/>
      <c r="AE34" s="19"/>
      <c r="AF34" s="4"/>
      <c r="AG34" s="4"/>
      <c r="AH34" s="20"/>
      <c r="AI34" s="4"/>
      <c r="AJ34" s="14"/>
      <c r="AK34" s="2"/>
      <c r="AL34" s="15"/>
      <c r="AM34" s="4"/>
      <c r="AN34" s="19"/>
      <c r="AO34" s="4"/>
      <c r="AP34" s="4"/>
      <c r="AQ34" s="20"/>
      <c r="AR34" s="4"/>
      <c r="AS34" s="14"/>
    </row>
    <row r="35" spans="1:45" x14ac:dyDescent="0.15">
      <c r="A35" s="28"/>
      <c r="B35" s="28"/>
      <c r="C35" s="28"/>
      <c r="D35" s="28"/>
      <c r="E35" s="28"/>
      <c r="F35" s="28"/>
      <c r="G35" s="28"/>
      <c r="H35" s="28"/>
      <c r="I35" s="2"/>
      <c r="J35" s="19"/>
      <c r="K35" s="15"/>
      <c r="L35" s="4"/>
      <c r="M35" s="25"/>
      <c r="N35" s="26"/>
      <c r="O35" s="26"/>
      <c r="P35" s="27"/>
      <c r="Q35" s="4"/>
      <c r="R35" s="14"/>
      <c r="S35" s="2"/>
      <c r="T35" s="15"/>
      <c r="U35" s="4"/>
      <c r="V35" s="25"/>
      <c r="W35" s="26"/>
      <c r="X35" s="26"/>
      <c r="Y35" s="27"/>
      <c r="Z35" s="4"/>
      <c r="AA35" s="14"/>
      <c r="AB35" s="2"/>
      <c r="AC35" s="15"/>
      <c r="AD35" s="4"/>
      <c r="AE35" s="25"/>
      <c r="AF35" s="26"/>
      <c r="AG35" s="26"/>
      <c r="AH35" s="27"/>
      <c r="AI35" s="4"/>
      <c r="AJ35" s="14"/>
      <c r="AK35" s="2"/>
      <c r="AL35" s="15"/>
      <c r="AM35" s="4"/>
      <c r="AN35" s="25"/>
      <c r="AO35" s="26"/>
      <c r="AP35" s="26"/>
      <c r="AQ35" s="27"/>
      <c r="AR35" s="4"/>
      <c r="AS35" s="14"/>
    </row>
    <row r="36" spans="1:45" x14ac:dyDescent="0.15">
      <c r="A36" s="2"/>
      <c r="B36" s="2" t="s">
        <v>9</v>
      </c>
      <c r="C36" s="2"/>
      <c r="D36" s="2"/>
      <c r="E36" s="2"/>
      <c r="F36" s="2"/>
      <c r="G36" s="2"/>
      <c r="H36" s="2"/>
      <c r="I36" s="2"/>
      <c r="J36" s="19"/>
      <c r="K36" s="29"/>
      <c r="L36" s="30"/>
      <c r="M36" s="30"/>
      <c r="N36" s="30"/>
      <c r="O36" s="30"/>
      <c r="P36" s="30"/>
      <c r="Q36" s="30"/>
      <c r="R36" s="31"/>
      <c r="S36" s="2"/>
      <c r="T36" s="29"/>
      <c r="U36" s="30"/>
      <c r="V36" s="30"/>
      <c r="W36" s="30"/>
      <c r="X36" s="30"/>
      <c r="Y36" s="30"/>
      <c r="Z36" s="30"/>
      <c r="AA36" s="31"/>
      <c r="AB36" s="2"/>
      <c r="AC36" s="29"/>
      <c r="AD36" s="30"/>
      <c r="AE36" s="30"/>
      <c r="AF36" s="30"/>
      <c r="AG36" s="30"/>
      <c r="AH36" s="30"/>
      <c r="AI36" s="30"/>
      <c r="AJ36" s="31"/>
      <c r="AK36" s="2"/>
      <c r="AL36" s="29"/>
      <c r="AM36" s="30"/>
      <c r="AN36" s="30"/>
      <c r="AO36" s="30"/>
      <c r="AP36" s="30"/>
      <c r="AQ36" s="30"/>
      <c r="AR36" s="30"/>
      <c r="AS36" s="31"/>
    </row>
    <row r="37" spans="1:45" x14ac:dyDescent="0.15">
      <c r="A37" s="2"/>
      <c r="B37" s="2"/>
      <c r="C37" s="2"/>
      <c r="D37" s="2"/>
      <c r="E37" s="2"/>
      <c r="F37" s="2"/>
      <c r="G37" s="2"/>
      <c r="H37" s="2"/>
      <c r="I37" s="2"/>
      <c r="J37" s="19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</row>
    <row r="38" spans="1:45" x14ac:dyDescent="0.15">
      <c r="A38" s="2"/>
      <c r="B38" s="2" t="s">
        <v>25</v>
      </c>
      <c r="C38" s="2" t="s">
        <v>0</v>
      </c>
      <c r="D38" s="2"/>
      <c r="E38" s="2"/>
      <c r="F38" s="2"/>
      <c r="G38" s="2"/>
      <c r="H38" s="2"/>
      <c r="I38" s="2"/>
      <c r="J38" s="19"/>
      <c r="K38" s="9" t="s">
        <v>2</v>
      </c>
      <c r="L38" s="10"/>
      <c r="M38" s="11"/>
      <c r="N38" s="12"/>
      <c r="O38" s="10"/>
      <c r="P38" s="10"/>
      <c r="Q38" s="10"/>
      <c r="R38" s="11"/>
      <c r="S38" s="2"/>
      <c r="T38" s="9" t="s">
        <v>2</v>
      </c>
      <c r="U38" s="10"/>
      <c r="V38" s="11"/>
      <c r="W38" s="12"/>
      <c r="X38" s="10"/>
      <c r="Y38" s="10"/>
      <c r="Z38" s="10"/>
      <c r="AA38" s="11"/>
      <c r="AB38" s="2"/>
      <c r="AC38" s="9" t="s">
        <v>2</v>
      </c>
      <c r="AD38" s="10"/>
      <c r="AE38" s="11"/>
      <c r="AF38" s="12"/>
      <c r="AG38" s="10"/>
      <c r="AH38" s="10"/>
      <c r="AI38" s="10"/>
      <c r="AJ38" s="11"/>
      <c r="AK38" s="2"/>
      <c r="AL38" s="9" t="s">
        <v>2</v>
      </c>
      <c r="AM38" s="10"/>
      <c r="AN38" s="11"/>
      <c r="AO38" s="12"/>
      <c r="AP38" s="10"/>
      <c r="AQ38" s="10"/>
      <c r="AR38" s="10"/>
      <c r="AS38" s="11"/>
    </row>
    <row r="39" spans="1:45" x14ac:dyDescent="0.15">
      <c r="A39" s="2"/>
      <c r="B39" s="2"/>
      <c r="C39" s="2" t="s">
        <v>10</v>
      </c>
      <c r="D39" s="2"/>
      <c r="E39" s="2"/>
      <c r="F39" s="2"/>
      <c r="G39" s="2"/>
      <c r="H39" s="2"/>
      <c r="I39" s="2"/>
      <c r="J39" s="19"/>
      <c r="K39" s="9" t="s">
        <v>3</v>
      </c>
      <c r="L39" s="10"/>
      <c r="M39" s="11"/>
      <c r="N39" s="12"/>
      <c r="O39" s="10"/>
      <c r="P39" s="10"/>
      <c r="Q39" s="10"/>
      <c r="R39" s="11"/>
      <c r="S39" s="2"/>
      <c r="T39" s="9" t="s">
        <v>3</v>
      </c>
      <c r="U39" s="10"/>
      <c r="V39" s="11"/>
      <c r="W39" s="12"/>
      <c r="X39" s="10"/>
      <c r="Y39" s="10"/>
      <c r="Z39" s="10"/>
      <c r="AA39" s="11"/>
      <c r="AB39" s="2"/>
      <c r="AC39" s="9" t="s">
        <v>3</v>
      </c>
      <c r="AD39" s="10"/>
      <c r="AE39" s="11"/>
      <c r="AF39" s="12"/>
      <c r="AG39" s="10"/>
      <c r="AH39" s="10"/>
      <c r="AI39" s="10"/>
      <c r="AJ39" s="11"/>
      <c r="AK39" s="2"/>
      <c r="AL39" s="9" t="s">
        <v>3</v>
      </c>
      <c r="AM39" s="10"/>
      <c r="AN39" s="11"/>
      <c r="AO39" s="12"/>
      <c r="AP39" s="10"/>
      <c r="AQ39" s="10"/>
      <c r="AR39" s="10"/>
      <c r="AS39" s="11"/>
    </row>
    <row r="40" spans="1:45" x14ac:dyDescent="0.15">
      <c r="A40" s="2"/>
      <c r="B40" s="2"/>
      <c r="C40" s="2" t="s">
        <v>11</v>
      </c>
      <c r="D40" s="2"/>
      <c r="E40" s="2"/>
      <c r="F40" s="2"/>
      <c r="G40" s="2"/>
      <c r="H40" s="2"/>
      <c r="I40" s="2"/>
      <c r="J40" s="19"/>
      <c r="K40" s="9" t="s">
        <v>5</v>
      </c>
      <c r="L40" s="10"/>
      <c r="M40" s="11"/>
      <c r="N40" s="12"/>
      <c r="O40" s="10"/>
      <c r="P40" s="10"/>
      <c r="Q40" s="10"/>
      <c r="R40" s="11"/>
      <c r="S40" s="2"/>
      <c r="T40" s="9" t="s">
        <v>5</v>
      </c>
      <c r="U40" s="10"/>
      <c r="V40" s="11"/>
      <c r="W40" s="12"/>
      <c r="X40" s="10"/>
      <c r="Y40" s="10"/>
      <c r="Z40" s="10"/>
      <c r="AA40" s="11"/>
      <c r="AB40" s="2"/>
      <c r="AC40" s="9" t="s">
        <v>5</v>
      </c>
      <c r="AD40" s="10"/>
      <c r="AE40" s="11"/>
      <c r="AF40" s="12"/>
      <c r="AG40" s="10"/>
      <c r="AH40" s="10"/>
      <c r="AI40" s="10"/>
      <c r="AJ40" s="11"/>
      <c r="AK40" s="2"/>
      <c r="AL40" s="9" t="s">
        <v>5</v>
      </c>
      <c r="AM40" s="10"/>
      <c r="AN40" s="11"/>
      <c r="AO40" s="12"/>
      <c r="AP40" s="10"/>
      <c r="AQ40" s="10"/>
      <c r="AR40" s="10"/>
      <c r="AS40" s="11"/>
    </row>
    <row r="41" spans="1:45" x14ac:dyDescent="0.15">
      <c r="A41" s="2"/>
      <c r="B41" s="2"/>
      <c r="C41" s="2" t="s">
        <v>12</v>
      </c>
      <c r="D41" s="2"/>
      <c r="E41" s="2"/>
      <c r="F41" s="2"/>
      <c r="G41" s="2"/>
      <c r="H41" s="2"/>
      <c r="I41" s="2"/>
      <c r="J41" s="19"/>
      <c r="K41" s="12"/>
      <c r="L41" s="10"/>
      <c r="M41" s="36" t="s">
        <v>6</v>
      </c>
      <c r="N41" s="37"/>
      <c r="O41" s="37"/>
      <c r="P41" s="37"/>
      <c r="Q41" s="10"/>
      <c r="R41" s="11"/>
      <c r="S41" s="2"/>
      <c r="T41" s="12"/>
      <c r="U41" s="10"/>
      <c r="V41" s="36" t="s">
        <v>6</v>
      </c>
      <c r="W41" s="37"/>
      <c r="X41" s="37"/>
      <c r="Y41" s="37"/>
      <c r="Z41" s="10"/>
      <c r="AA41" s="11"/>
      <c r="AB41" s="2"/>
      <c r="AC41" s="12"/>
      <c r="AD41" s="10"/>
      <c r="AE41" s="36" t="s">
        <v>6</v>
      </c>
      <c r="AF41" s="37"/>
      <c r="AG41" s="37"/>
      <c r="AH41" s="37"/>
      <c r="AI41" s="10"/>
      <c r="AJ41" s="11"/>
      <c r="AK41" s="2"/>
      <c r="AL41" s="12"/>
      <c r="AM41" s="10"/>
      <c r="AN41" s="36" t="s">
        <v>6</v>
      </c>
      <c r="AO41" s="45"/>
      <c r="AP41" s="37"/>
      <c r="AQ41" s="37"/>
      <c r="AR41" s="10"/>
      <c r="AS41" s="11"/>
    </row>
    <row r="42" spans="1:45" x14ac:dyDescent="0.15">
      <c r="A42" s="2"/>
      <c r="B42" s="2"/>
      <c r="C42" s="2" t="s">
        <v>13</v>
      </c>
      <c r="D42" s="2"/>
      <c r="E42" s="2"/>
      <c r="F42" s="2"/>
      <c r="G42" s="2"/>
      <c r="H42" s="2"/>
      <c r="I42" s="2"/>
      <c r="J42" s="19"/>
      <c r="K42" s="15"/>
      <c r="L42" s="4"/>
      <c r="M42" s="4"/>
      <c r="N42" s="4"/>
      <c r="O42" s="4"/>
      <c r="P42" s="4"/>
      <c r="Q42" s="4"/>
      <c r="R42" s="14"/>
      <c r="S42" s="2"/>
      <c r="T42" s="15"/>
      <c r="U42" s="4"/>
      <c r="V42" s="4"/>
      <c r="W42" s="4"/>
      <c r="X42" s="4"/>
      <c r="Y42" s="4"/>
      <c r="Z42" s="4"/>
      <c r="AA42" s="14"/>
      <c r="AB42" s="2"/>
      <c r="AC42" s="15"/>
      <c r="AD42" s="4"/>
      <c r="AE42" s="4"/>
      <c r="AF42" s="4"/>
      <c r="AG42" s="4"/>
      <c r="AH42" s="4"/>
      <c r="AI42" s="4"/>
      <c r="AJ42" s="14"/>
      <c r="AK42" s="2"/>
      <c r="AL42" s="15"/>
      <c r="AM42" s="4"/>
      <c r="AN42" s="4"/>
      <c r="AO42" s="4"/>
      <c r="AP42" s="4"/>
      <c r="AQ42" s="4"/>
      <c r="AR42" s="4"/>
      <c r="AS42" s="14"/>
    </row>
    <row r="43" spans="1:45" x14ac:dyDescent="0.15">
      <c r="A43" s="2"/>
      <c r="B43" s="2"/>
      <c r="C43" s="2"/>
      <c r="D43" s="2"/>
      <c r="E43" s="2"/>
      <c r="F43" s="2"/>
      <c r="G43" s="2"/>
      <c r="H43" s="2"/>
      <c r="I43" s="2"/>
      <c r="J43" s="19"/>
      <c r="K43" s="15"/>
      <c r="L43" s="4"/>
      <c r="M43" s="16"/>
      <c r="N43" s="17"/>
      <c r="O43" s="17"/>
      <c r="P43" s="18"/>
      <c r="Q43" s="4"/>
      <c r="R43" s="14"/>
      <c r="S43" s="2"/>
      <c r="T43" s="15"/>
      <c r="U43" s="4"/>
      <c r="V43" s="16"/>
      <c r="W43" s="17"/>
      <c r="X43" s="17"/>
      <c r="Y43" s="18"/>
      <c r="Z43" s="4"/>
      <c r="AA43" s="14"/>
      <c r="AB43" s="2"/>
      <c r="AC43" s="15"/>
      <c r="AD43" s="4"/>
      <c r="AE43" s="16"/>
      <c r="AF43" s="17"/>
      <c r="AG43" s="17"/>
      <c r="AH43" s="18"/>
      <c r="AI43" s="4"/>
      <c r="AJ43" s="14"/>
      <c r="AK43" s="2"/>
      <c r="AL43" s="15"/>
      <c r="AM43" s="4"/>
      <c r="AN43" s="16"/>
      <c r="AO43" s="17"/>
      <c r="AP43" s="17"/>
      <c r="AQ43" s="18"/>
      <c r="AR43" s="4"/>
      <c r="AS43" s="14"/>
    </row>
    <row r="44" spans="1:45" x14ac:dyDescent="0.15">
      <c r="A44" s="2"/>
      <c r="B44" s="2" t="s">
        <v>26</v>
      </c>
      <c r="C44" s="2" t="s">
        <v>14</v>
      </c>
      <c r="D44" s="2"/>
      <c r="E44" s="2"/>
      <c r="F44" s="2"/>
      <c r="G44" s="2"/>
      <c r="H44" s="2"/>
      <c r="I44" s="2"/>
      <c r="J44" s="19"/>
      <c r="K44" s="15"/>
      <c r="L44" s="4"/>
      <c r="M44" s="19"/>
      <c r="N44" s="4"/>
      <c r="O44" s="4"/>
      <c r="P44" s="20"/>
      <c r="Q44" s="4"/>
      <c r="R44" s="14"/>
      <c r="S44" s="2"/>
      <c r="T44" s="15"/>
      <c r="U44" s="4"/>
      <c r="V44" s="19"/>
      <c r="W44" s="4"/>
      <c r="X44" s="4"/>
      <c r="Y44" s="20"/>
      <c r="Z44" s="4"/>
      <c r="AA44" s="14"/>
      <c r="AB44" s="2"/>
      <c r="AC44" s="15"/>
      <c r="AD44" s="4"/>
      <c r="AE44" s="19"/>
      <c r="AF44" s="4"/>
      <c r="AG44" s="4"/>
      <c r="AH44" s="20"/>
      <c r="AI44" s="4"/>
      <c r="AJ44" s="14"/>
      <c r="AK44" s="2"/>
      <c r="AL44" s="15"/>
      <c r="AM44" s="4"/>
      <c r="AN44" s="19"/>
      <c r="AO44" s="4"/>
      <c r="AP44" s="4"/>
      <c r="AQ44" s="20"/>
      <c r="AR44" s="4"/>
      <c r="AS44" s="14"/>
    </row>
    <row r="45" spans="1:45" x14ac:dyDescent="0.15">
      <c r="A45" s="2"/>
      <c r="B45" s="2"/>
      <c r="C45" s="2" t="s">
        <v>15</v>
      </c>
      <c r="D45" s="2"/>
      <c r="E45" s="2"/>
      <c r="F45" s="2"/>
      <c r="G45" s="2"/>
      <c r="H45" s="2"/>
      <c r="I45" s="2"/>
      <c r="J45" s="19"/>
      <c r="K45" s="15"/>
      <c r="L45" s="4"/>
      <c r="M45" s="19"/>
      <c r="N45" s="4"/>
      <c r="O45" s="4"/>
      <c r="P45" s="20"/>
      <c r="Q45" s="4"/>
      <c r="R45" s="14"/>
      <c r="S45" s="2"/>
      <c r="T45" s="15"/>
      <c r="U45" s="4"/>
      <c r="V45" s="19"/>
      <c r="W45" s="4"/>
      <c r="X45" s="4"/>
      <c r="Y45" s="20"/>
      <c r="Z45" s="4"/>
      <c r="AA45" s="14"/>
      <c r="AB45" s="2"/>
      <c r="AC45" s="15"/>
      <c r="AD45" s="4"/>
      <c r="AE45" s="19"/>
      <c r="AF45" s="4"/>
      <c r="AG45" s="4"/>
      <c r="AH45" s="20"/>
      <c r="AI45" s="4"/>
      <c r="AJ45" s="14"/>
      <c r="AK45" s="2"/>
      <c r="AL45" s="15"/>
      <c r="AM45" s="4"/>
      <c r="AN45" s="19"/>
      <c r="AO45" s="4"/>
      <c r="AP45" s="4"/>
      <c r="AQ45" s="20"/>
      <c r="AR45" s="4"/>
      <c r="AS45" s="14"/>
    </row>
    <row r="46" spans="1:45" x14ac:dyDescent="0.15">
      <c r="A46" s="2"/>
      <c r="B46" s="2"/>
      <c r="C46" s="2" t="s">
        <v>27</v>
      </c>
      <c r="D46" s="2"/>
      <c r="E46" s="2"/>
      <c r="F46" s="2"/>
      <c r="G46" s="2"/>
      <c r="H46" s="2"/>
      <c r="I46" s="2"/>
      <c r="J46" s="25"/>
      <c r="K46" s="15"/>
      <c r="L46" s="4"/>
      <c r="M46" s="19"/>
      <c r="N46" s="21" t="s">
        <v>7</v>
      </c>
      <c r="O46" s="4"/>
      <c r="P46" s="20"/>
      <c r="Q46" s="4"/>
      <c r="R46" s="14"/>
      <c r="S46" s="24"/>
      <c r="T46" s="15"/>
      <c r="U46" s="4"/>
      <c r="V46" s="19"/>
      <c r="W46" s="21" t="s">
        <v>7</v>
      </c>
      <c r="X46" s="4"/>
      <c r="Y46" s="20"/>
      <c r="Z46" s="4"/>
      <c r="AA46" s="14"/>
      <c r="AB46" s="24"/>
      <c r="AC46" s="15"/>
      <c r="AD46" s="4"/>
      <c r="AE46" s="19"/>
      <c r="AF46" s="21" t="s">
        <v>7</v>
      </c>
      <c r="AG46" s="4"/>
      <c r="AH46" s="20"/>
      <c r="AI46" s="4"/>
      <c r="AJ46" s="14"/>
      <c r="AK46" s="24"/>
      <c r="AL46" s="15"/>
      <c r="AM46" s="4"/>
      <c r="AN46" s="19"/>
      <c r="AO46" s="21" t="s">
        <v>7</v>
      </c>
      <c r="AP46" s="4"/>
      <c r="AQ46" s="20"/>
      <c r="AR46" s="4"/>
      <c r="AS46" s="14"/>
    </row>
    <row r="47" spans="1:45" x14ac:dyDescent="0.15">
      <c r="A47" s="2"/>
      <c r="B47" s="2"/>
      <c r="C47" s="2" t="s">
        <v>16</v>
      </c>
      <c r="D47" s="2"/>
      <c r="E47" s="2"/>
      <c r="F47" s="2"/>
      <c r="G47" s="2"/>
      <c r="H47" s="2"/>
      <c r="I47" s="2"/>
      <c r="J47" s="2"/>
      <c r="K47" s="15"/>
      <c r="L47" s="4"/>
      <c r="M47" s="19"/>
      <c r="N47" s="4"/>
      <c r="O47" s="4"/>
      <c r="P47" s="20"/>
      <c r="Q47" s="4"/>
      <c r="R47" s="14"/>
      <c r="S47" s="2"/>
      <c r="T47" s="15"/>
      <c r="U47" s="4"/>
      <c r="V47" s="19"/>
      <c r="W47" s="4"/>
      <c r="X47" s="4"/>
      <c r="Y47" s="20"/>
      <c r="Z47" s="4"/>
      <c r="AA47" s="14"/>
      <c r="AB47" s="2"/>
      <c r="AC47" s="15"/>
      <c r="AD47" s="4"/>
      <c r="AE47" s="19"/>
      <c r="AF47" s="4"/>
      <c r="AG47" s="4"/>
      <c r="AH47" s="20"/>
      <c r="AI47" s="4"/>
      <c r="AJ47" s="14"/>
      <c r="AK47" s="2"/>
      <c r="AL47" s="15"/>
      <c r="AM47" s="4"/>
      <c r="AN47" s="19"/>
      <c r="AO47" s="4"/>
      <c r="AP47" s="4"/>
      <c r="AQ47" s="20"/>
      <c r="AR47" s="4"/>
      <c r="AS47" s="14"/>
    </row>
    <row r="48" spans="1:45" x14ac:dyDescent="0.15">
      <c r="A48" s="2"/>
      <c r="B48" s="2"/>
      <c r="C48" s="2" t="s">
        <v>17</v>
      </c>
      <c r="D48" s="2"/>
      <c r="E48" s="2"/>
      <c r="F48" s="2"/>
      <c r="G48" s="2"/>
      <c r="H48" s="2"/>
      <c r="I48" s="2"/>
      <c r="J48" s="2"/>
      <c r="K48" s="15"/>
      <c r="L48" s="4"/>
      <c r="M48" s="19"/>
      <c r="N48" s="4"/>
      <c r="O48" s="4"/>
      <c r="P48" s="20"/>
      <c r="Q48" s="4"/>
      <c r="R48" s="14"/>
      <c r="S48" s="2"/>
      <c r="T48" s="15"/>
      <c r="U48" s="4"/>
      <c r="V48" s="19"/>
      <c r="W48" s="4"/>
      <c r="X48" s="4"/>
      <c r="Y48" s="20"/>
      <c r="Z48" s="4"/>
      <c r="AA48" s="14"/>
      <c r="AB48" s="2"/>
      <c r="AC48" s="15"/>
      <c r="AD48" s="4"/>
      <c r="AE48" s="19"/>
      <c r="AF48" s="4"/>
      <c r="AG48" s="4"/>
      <c r="AH48" s="20"/>
      <c r="AI48" s="4"/>
      <c r="AJ48" s="14"/>
      <c r="AK48" s="2"/>
      <c r="AL48" s="15"/>
      <c r="AM48" s="4"/>
      <c r="AN48" s="19"/>
      <c r="AO48" s="4"/>
      <c r="AP48" s="4"/>
      <c r="AQ48" s="20"/>
      <c r="AR48" s="4"/>
      <c r="AS48" s="14"/>
    </row>
    <row r="49" spans="1:45" x14ac:dyDescent="0.15">
      <c r="A49" s="2"/>
      <c r="B49" s="2"/>
      <c r="C49" s="2"/>
      <c r="D49" s="2"/>
      <c r="E49" s="2"/>
      <c r="F49" s="2"/>
      <c r="G49" s="2"/>
      <c r="H49" s="2"/>
      <c r="I49" s="2"/>
      <c r="J49" s="2"/>
      <c r="K49" s="15"/>
      <c r="L49" s="4"/>
      <c r="M49" s="19"/>
      <c r="N49" s="4"/>
      <c r="O49" s="4"/>
      <c r="P49" s="20"/>
      <c r="Q49" s="4"/>
      <c r="R49" s="14"/>
      <c r="S49" s="2"/>
      <c r="T49" s="15"/>
      <c r="U49" s="4"/>
      <c r="V49" s="19"/>
      <c r="W49" s="4"/>
      <c r="X49" s="4"/>
      <c r="Y49" s="20"/>
      <c r="Z49" s="4"/>
      <c r="AA49" s="14"/>
      <c r="AB49" s="2"/>
      <c r="AC49" s="15"/>
      <c r="AD49" s="4"/>
      <c r="AE49" s="19"/>
      <c r="AF49" s="4"/>
      <c r="AG49" s="4"/>
      <c r="AH49" s="20"/>
      <c r="AI49" s="4"/>
      <c r="AJ49" s="14"/>
      <c r="AK49" s="2"/>
      <c r="AL49" s="15"/>
      <c r="AM49" s="4"/>
      <c r="AN49" s="19"/>
      <c r="AO49" s="4"/>
      <c r="AP49" s="4"/>
      <c r="AQ49" s="20"/>
      <c r="AR49" s="4"/>
      <c r="AS49" s="14"/>
    </row>
    <row r="50" spans="1:45" x14ac:dyDescent="0.15">
      <c r="A50" s="2"/>
      <c r="B50" s="2" t="s">
        <v>18</v>
      </c>
      <c r="C50" s="2"/>
      <c r="D50" s="2"/>
      <c r="E50" s="2"/>
      <c r="F50" s="2"/>
      <c r="G50" s="2"/>
      <c r="H50" s="2"/>
      <c r="I50" s="2"/>
      <c r="J50" s="2"/>
      <c r="K50" s="15"/>
      <c r="L50" s="4"/>
      <c r="M50" s="19"/>
      <c r="N50" s="4"/>
      <c r="O50" s="4"/>
      <c r="P50" s="20"/>
      <c r="Q50" s="4"/>
      <c r="R50" s="14"/>
      <c r="S50" s="2"/>
      <c r="T50" s="15"/>
      <c r="U50" s="4"/>
      <c r="V50" s="19"/>
      <c r="W50" s="4"/>
      <c r="X50" s="4"/>
      <c r="Y50" s="20"/>
      <c r="Z50" s="4"/>
      <c r="AA50" s="14"/>
      <c r="AB50" s="2"/>
      <c r="AC50" s="15"/>
      <c r="AD50" s="4"/>
      <c r="AE50" s="19"/>
      <c r="AF50" s="4"/>
      <c r="AG50" s="4"/>
      <c r="AH50" s="20"/>
      <c r="AI50" s="4"/>
      <c r="AJ50" s="14"/>
      <c r="AK50" s="2"/>
      <c r="AL50" s="15"/>
      <c r="AM50" s="4"/>
      <c r="AN50" s="19"/>
      <c r="AO50" s="4"/>
      <c r="AP50" s="4"/>
      <c r="AQ50" s="20"/>
      <c r="AR50" s="4"/>
      <c r="AS50" s="14"/>
    </row>
    <row r="51" spans="1:45" x14ac:dyDescent="0.15">
      <c r="A51" s="2"/>
      <c r="B51" s="2" t="s">
        <v>19</v>
      </c>
      <c r="C51" s="2"/>
      <c r="D51" s="2"/>
      <c r="E51" s="2"/>
      <c r="F51" s="2"/>
      <c r="G51" s="2"/>
      <c r="H51" s="2"/>
      <c r="I51" s="2"/>
      <c r="J51" s="2"/>
      <c r="K51" s="15"/>
      <c r="L51" s="4"/>
      <c r="M51" s="25"/>
      <c r="N51" s="26"/>
      <c r="O51" s="26"/>
      <c r="P51" s="27"/>
      <c r="Q51" s="4"/>
      <c r="R51" s="14"/>
      <c r="S51" s="2"/>
      <c r="T51" s="15"/>
      <c r="U51" s="4"/>
      <c r="V51" s="25"/>
      <c r="W51" s="26"/>
      <c r="X51" s="26"/>
      <c r="Y51" s="27"/>
      <c r="Z51" s="4"/>
      <c r="AA51" s="14"/>
      <c r="AB51" s="2"/>
      <c r="AC51" s="15"/>
      <c r="AD51" s="4"/>
      <c r="AE51" s="25"/>
      <c r="AF51" s="26"/>
      <c r="AG51" s="26"/>
      <c r="AH51" s="27"/>
      <c r="AI51" s="4"/>
      <c r="AJ51" s="14"/>
      <c r="AK51" s="2"/>
      <c r="AL51" s="15"/>
      <c r="AM51" s="4"/>
      <c r="AN51" s="25"/>
      <c r="AO51" s="26"/>
      <c r="AP51" s="26"/>
      <c r="AQ51" s="27"/>
      <c r="AR51" s="4"/>
      <c r="AS51" s="14"/>
    </row>
    <row r="52" spans="1:45" x14ac:dyDescent="0.15">
      <c r="A52" s="2"/>
      <c r="B52" s="2"/>
      <c r="C52" s="2"/>
      <c r="D52" s="2"/>
      <c r="E52" s="2"/>
      <c r="F52" s="2"/>
      <c r="G52" s="2"/>
      <c r="H52" s="2"/>
      <c r="I52" s="2"/>
      <c r="J52" s="2"/>
      <c r="K52" s="29"/>
      <c r="L52" s="30"/>
      <c r="M52" s="30"/>
      <c r="N52" s="30"/>
      <c r="O52" s="30"/>
      <c r="P52" s="30"/>
      <c r="Q52" s="30"/>
      <c r="R52" s="31"/>
      <c r="S52" s="2"/>
      <c r="T52" s="29"/>
      <c r="U52" s="30"/>
      <c r="V52" s="30"/>
      <c r="W52" s="30"/>
      <c r="X52" s="30"/>
      <c r="Y52" s="30"/>
      <c r="Z52" s="30"/>
      <c r="AA52" s="31"/>
      <c r="AB52" s="2"/>
      <c r="AC52" s="29"/>
      <c r="AD52" s="30"/>
      <c r="AE52" s="30"/>
      <c r="AF52" s="30"/>
      <c r="AG52" s="30"/>
      <c r="AH52" s="30"/>
      <c r="AI52" s="30"/>
      <c r="AJ52" s="31"/>
      <c r="AK52" s="2"/>
      <c r="AL52" s="29"/>
      <c r="AM52" s="30"/>
      <c r="AN52" s="30"/>
      <c r="AO52" s="30"/>
      <c r="AP52" s="30"/>
      <c r="AQ52" s="30"/>
      <c r="AR52" s="30"/>
      <c r="AS52" s="31"/>
    </row>
    <row r="53" spans="1:45" x14ac:dyDescent="0.15">
      <c r="A53" s="2"/>
      <c r="B53" s="2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  <c r="AM53" s="2"/>
      <c r="AN53" s="2"/>
      <c r="AO53" s="2"/>
      <c r="AP53" s="2"/>
      <c r="AQ53" s="2"/>
      <c r="AR53" s="2"/>
      <c r="AS53" s="2"/>
    </row>
  </sheetData>
  <mergeCells count="18">
    <mergeCell ref="C27:F29"/>
    <mergeCell ref="C24:F24"/>
    <mergeCell ref="AN41:AQ41"/>
    <mergeCell ref="AE41:AH41"/>
    <mergeCell ref="V41:Y41"/>
    <mergeCell ref="M41:P41"/>
    <mergeCell ref="M25:P25"/>
    <mergeCell ref="V25:Y25"/>
    <mergeCell ref="AE25:AH25"/>
    <mergeCell ref="AN25:AQ25"/>
    <mergeCell ref="G3:I3"/>
    <mergeCell ref="G4:I4"/>
    <mergeCell ref="J3:R3"/>
    <mergeCell ref="J4:R4"/>
    <mergeCell ref="M9:P9"/>
    <mergeCell ref="V9:Y9"/>
    <mergeCell ref="AE9:AH9"/>
    <mergeCell ref="AN9:AQ9"/>
  </mergeCells>
  <phoneticPr fontId="1"/>
  <pageMargins left="0.78740157480314965" right="0.19685039370078741" top="0.78740157480314965" bottom="0.78740157480314965" header="0.51181102362204722" footer="0.51181102362204722"/>
  <pageSetup paperSize="9" scale="72" orientation="landscape" horizontalDpi="0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担当技術者台帳</vt:lpstr>
      <vt:lpstr>工事担当技術者台帳!Print_Area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配水課</dc:creator>
  <cp:lastModifiedBy>岡山市水道局</cp:lastModifiedBy>
  <cp:lastPrinted>2015-03-26T11:07:53Z</cp:lastPrinted>
  <dcterms:created xsi:type="dcterms:W3CDTF">2001-06-03T05:47:28Z</dcterms:created>
  <dcterms:modified xsi:type="dcterms:W3CDTF">2019-04-11T05:21:24Z</dcterms:modified>
</cp:coreProperties>
</file>